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9-2表（後期）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第9-2表（後期）'!$A$1:$AI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4" uniqueCount="137">
  <si>
    <t>第９－２表 保険料(税)の賦課状況－１  （後期高齢者支援分）</t>
    <rPh sb="22" eb="24">
      <t>コウキ</t>
    </rPh>
    <rPh sb="24" eb="27">
      <t>コウレイシャ</t>
    </rPh>
    <rPh sb="27" eb="29">
      <t>シエン</t>
    </rPh>
    <rPh sb="29" eb="30">
      <t>ブン</t>
    </rPh>
    <phoneticPr fontId="5"/>
  </si>
  <si>
    <t>第９－２表 保険料(税)の賦課状況－２   （後期高齢者支援分）</t>
    <rPh sb="23" eb="25">
      <t>コウキ</t>
    </rPh>
    <rPh sb="25" eb="28">
      <t>コウレイシャ</t>
    </rPh>
    <rPh sb="28" eb="30">
      <t>シエン</t>
    </rPh>
    <phoneticPr fontId="5"/>
  </si>
  <si>
    <t>単位（千円）</t>
  </si>
  <si>
    <t>保険者名</t>
  </si>
  <si>
    <t>料税の別</t>
  </si>
  <si>
    <t>賦課
方式</t>
    <rPh sb="3" eb="4">
      <t>ホウホウ</t>
    </rPh>
    <rPh sb="4" eb="5">
      <t>シキ</t>
    </rPh>
    <phoneticPr fontId="5"/>
  </si>
  <si>
    <t>収納期日及び回数</t>
    <rPh sb="0" eb="2">
      <t>シュウノウ</t>
    </rPh>
    <rPh sb="2" eb="4">
      <t>キジツ</t>
    </rPh>
    <rPh sb="4" eb="5">
      <t>オヨ</t>
    </rPh>
    <rPh sb="6" eb="8">
      <t>カイスウ</t>
    </rPh>
    <phoneticPr fontId="10"/>
  </si>
  <si>
    <t xml:space="preserve"> 所   得   割   基   礎</t>
    <phoneticPr fontId="10"/>
  </si>
  <si>
    <t>資産割基礎</t>
  </si>
  <si>
    <t>料  （税）  率</t>
    <rPh sb="8" eb="9">
      <t>リツ</t>
    </rPh>
    <phoneticPr fontId="10"/>
  </si>
  <si>
    <t>賦  課</t>
  </si>
  <si>
    <t>課税対象額</t>
    <phoneticPr fontId="5"/>
  </si>
  <si>
    <t>保  険  料  税  算  定  額  及  び  割  合</t>
    <phoneticPr fontId="10"/>
  </si>
  <si>
    <t>算定額</t>
    <phoneticPr fontId="10"/>
  </si>
  <si>
    <t>軽減額</t>
    <phoneticPr fontId="10"/>
  </si>
  <si>
    <t>災害等</t>
  </si>
  <si>
    <t>その他</t>
  </si>
  <si>
    <t>限度額を</t>
  </si>
  <si>
    <t>増減額</t>
    <phoneticPr fontId="10"/>
  </si>
  <si>
    <t>調定額</t>
    <phoneticPr fontId="10"/>
  </si>
  <si>
    <t>料</t>
  </si>
  <si>
    <t>税</t>
  </si>
  <si>
    <t>回数</t>
    <rPh sb="0" eb="2">
      <t>カイスウ</t>
    </rPh>
    <phoneticPr fontId="10"/>
  </si>
  <si>
    <t>収納月</t>
    <rPh sb="0" eb="2">
      <t>シュウノウ</t>
    </rPh>
    <rPh sb="2" eb="3">
      <t>ツキ</t>
    </rPh>
    <phoneticPr fontId="10"/>
  </si>
  <si>
    <t>総所得</t>
  </si>
  <si>
    <t>市町村民税</t>
  </si>
  <si>
    <t>そ  の  他</t>
  </si>
  <si>
    <t>固定資産税</t>
  </si>
  <si>
    <t>所得割</t>
  </si>
  <si>
    <t>資産割</t>
  </si>
  <si>
    <t>均等割</t>
  </si>
  <si>
    <t>平等割</t>
  </si>
  <si>
    <t>限度額</t>
  </si>
  <si>
    <t>所得割額</t>
  </si>
  <si>
    <t>資産割額</t>
  </si>
  <si>
    <t>所得割額</t>
    <phoneticPr fontId="5"/>
  </si>
  <si>
    <t>資産割額</t>
    <phoneticPr fontId="5"/>
  </si>
  <si>
    <t>均等割額</t>
    <phoneticPr fontId="5"/>
  </si>
  <si>
    <t>平等割額</t>
    <phoneticPr fontId="5"/>
  </si>
  <si>
    <t>減免額</t>
  </si>
  <si>
    <t>超える額</t>
  </si>
  <si>
    <t>(A)-(B)-(C)</t>
  </si>
  <si>
    <t>金額</t>
  </si>
  <si>
    <t>土地家屋額</t>
  </si>
  <si>
    <t>%</t>
  </si>
  <si>
    <t>円</t>
  </si>
  <si>
    <t>万円</t>
  </si>
  <si>
    <t>千円</t>
  </si>
  <si>
    <t>金額（千円）</t>
  </si>
  <si>
    <t>(A)</t>
  </si>
  <si>
    <t>(B)</t>
  </si>
  <si>
    <t xml:space="preserve"> (C)</t>
  </si>
  <si>
    <t>(D)</t>
  </si>
  <si>
    <t>(E)</t>
  </si>
  <si>
    <t>(F)</t>
  </si>
  <si>
    <t>-(D)-(E)+(F)</t>
  </si>
  <si>
    <t xml:space="preserve"> 横浜市</t>
    <phoneticPr fontId="10"/>
  </si>
  <si>
    <t>○</t>
  </si>
  <si>
    <t>2</t>
  </si>
  <si>
    <t>10</t>
  </si>
  <si>
    <t>6月から毎月</t>
  </si>
  <si>
    <t>－</t>
  </si>
  <si>
    <t>-</t>
  </si>
  <si>
    <t xml:space="preserve"> 横浜市</t>
    <rPh sb="1" eb="3">
      <t>ヨコハマ</t>
    </rPh>
    <phoneticPr fontId="8"/>
  </si>
  <si>
    <t xml:space="preserve"> 川崎市</t>
  </si>
  <si>
    <t xml:space="preserve"> 横須賀市</t>
  </si>
  <si>
    <t>3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>7月から毎月</t>
  </si>
  <si>
    <t xml:space="preserve"> 逗子市</t>
  </si>
  <si>
    <t xml:space="preserve"> 相模原市</t>
  </si>
  <si>
    <t xml:space="preserve"> 三浦市</t>
  </si>
  <si>
    <t xml:space="preserve"> 秦野市</t>
  </si>
  <si>
    <t>－</t>
    <phoneticPr fontId="5"/>
  </si>
  <si>
    <t xml:space="preserve"> 厚木市</t>
  </si>
  <si>
    <t xml:space="preserve"> 大和市</t>
  </si>
  <si>
    <t xml:space="preserve"> 伊勢原市</t>
  </si>
  <si>
    <t>4</t>
  </si>
  <si>
    <t>4月から毎月</t>
  </si>
  <si>
    <t xml:space="preserve"> 海老名市</t>
  </si>
  <si>
    <t>－</t>
    <phoneticPr fontId="5"/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>4/6/8/10/12/2</t>
  </si>
  <si>
    <t xml:space="preserve"> 大井町</t>
  </si>
  <si>
    <t>5月、7月以降毎月</t>
    <rPh sb="1" eb="2">
      <t>ガツ</t>
    </rPh>
    <rPh sb="4" eb="7">
      <t>ガツイコウ</t>
    </rPh>
    <rPh sb="7" eb="9">
      <t>マイツキ</t>
    </rPh>
    <phoneticPr fontId="1"/>
  </si>
  <si>
    <t xml:space="preserve"> 松田町</t>
  </si>
  <si>
    <t>5月から2月の毎月</t>
  </si>
  <si>
    <t xml:space="preserve"> 山北町</t>
  </si>
  <si>
    <t>4/7/8/9/10/11/12/1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 師</t>
    <phoneticPr fontId="10"/>
  </si>
  <si>
    <t>○</t>
    <phoneticPr fontId="8"/>
  </si>
  <si>
    <t>12</t>
  </si>
  <si>
    <t>月額保険料：第一種・第二種 5,000 円/ 家族 3,000円</t>
    <rPh sb="23" eb="25">
      <t>カゾク</t>
    </rPh>
    <phoneticPr fontId="10"/>
  </si>
  <si>
    <t xml:space="preserve"> 歯科医師</t>
  </si>
  <si>
    <t>○</t>
    <phoneticPr fontId="8"/>
  </si>
  <si>
    <t>月額保険料：第一種 5,800円 / 第二種 4,700 円/ 第三種 3,400円 / 家族 2,200円</t>
    <rPh sb="45" eb="47">
      <t>カゾク</t>
    </rPh>
    <phoneticPr fontId="10"/>
  </si>
  <si>
    <t xml:space="preserve"> 食品衛生</t>
  </si>
  <si>
    <t>○</t>
    <phoneticPr fontId="8"/>
  </si>
  <si>
    <t xml:space="preserve">月額保険料：2,700円 </t>
    <phoneticPr fontId="10"/>
  </si>
  <si>
    <t xml:space="preserve"> 薬剤師</t>
  </si>
  <si>
    <t>月額保険料：4,400円</t>
    <phoneticPr fontId="10"/>
  </si>
  <si>
    <t xml:space="preserve"> 建設業</t>
  </si>
  <si>
    <t xml:space="preserve">月額保険料：3,300円 </t>
    <phoneticPr fontId="10"/>
  </si>
  <si>
    <t xml:space="preserve"> 建設連合</t>
  </si>
  <si>
    <t xml:space="preserve">月額保険料：組合員（年齢と所得に応じて） 2,800～11,200円 </t>
    <rPh sb="10" eb="12">
      <t>ネンレイ</t>
    </rPh>
    <phoneticPr fontId="10"/>
  </si>
  <si>
    <t>市           計</t>
    <phoneticPr fontId="10"/>
  </si>
  <si>
    <t>町   村   計</t>
    <phoneticPr fontId="10"/>
  </si>
  <si>
    <t>2方式: 4</t>
    <rPh sb="1" eb="3">
      <t>ホウシキ</t>
    </rPh>
    <phoneticPr fontId="10"/>
  </si>
  <si>
    <t>町   村   計</t>
    <phoneticPr fontId="10"/>
  </si>
  <si>
    <t>市町村計</t>
    <phoneticPr fontId="10"/>
  </si>
  <si>
    <t>3方式:21</t>
    <rPh sb="1" eb="3">
      <t>ホウシキ</t>
    </rPh>
    <phoneticPr fontId="10"/>
  </si>
  <si>
    <t>市町村計</t>
    <phoneticPr fontId="10"/>
  </si>
  <si>
    <t>組   合   計</t>
    <phoneticPr fontId="10"/>
  </si>
  <si>
    <t>4方式:8</t>
    <rPh sb="1" eb="3">
      <t>ホウシキ</t>
    </rPh>
    <phoneticPr fontId="10"/>
  </si>
  <si>
    <t>県           計</t>
    <phoneticPr fontId="10"/>
  </si>
  <si>
    <t>県           計</t>
    <phoneticPr fontId="10"/>
  </si>
  <si>
    <t>（注）課税対象額は一般分＋退職分</t>
    <rPh sb="1" eb="2">
      <t>チュウ</t>
    </rPh>
    <rPh sb="3" eb="5">
      <t>カゼイ</t>
    </rPh>
    <rPh sb="5" eb="7">
      <t>タイショウ</t>
    </rPh>
    <rPh sb="7" eb="8">
      <t>ガク</t>
    </rPh>
    <rPh sb="9" eb="11">
      <t>イッパン</t>
    </rPh>
    <rPh sb="11" eb="12">
      <t>ブン</t>
    </rPh>
    <rPh sb="13" eb="15">
      <t>タイショク</t>
    </rPh>
    <rPh sb="15" eb="16">
      <t>ブン</t>
    </rPh>
    <phoneticPr fontId="10"/>
  </si>
  <si>
    <t>－</t>
    <phoneticPr fontId="4"/>
  </si>
  <si>
    <t>—</t>
    <phoneticPr fontId="4"/>
  </si>
  <si>
    <t>—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4" x14ac:knownFonts="1"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4"/>
      <name val="ＭＳ 明朝"/>
      <family val="1"/>
      <charset val="128"/>
    </font>
    <font>
      <u/>
      <sz val="9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sz val="9"/>
      <name val="ＭＳ 明朝"/>
      <family val="1"/>
      <charset val="128"/>
    </font>
    <font>
      <sz val="7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9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7" fontId="2" fillId="0" borderId="0"/>
  </cellStyleXfs>
  <cellXfs count="276">
    <xf numFmtId="0" fontId="0" fillId="0" borderId="0" xfId="0"/>
    <xf numFmtId="37" fontId="3" fillId="0" borderId="0" xfId="1" applyFont="1" applyFill="1" applyBorder="1" applyAlignment="1" applyProtection="1">
      <alignment horizontal="left"/>
    </xf>
    <xf numFmtId="37" fontId="6" fillId="0" borderId="0" xfId="1" applyFont="1" applyBorder="1" applyProtection="1"/>
    <xf numFmtId="37" fontId="7" fillId="0" borderId="0" xfId="1" applyFont="1"/>
    <xf numFmtId="37" fontId="6" fillId="0" borderId="0" xfId="1" applyFont="1" applyFill="1" applyBorder="1" applyProtection="1"/>
    <xf numFmtId="37" fontId="7" fillId="0" borderId="0" xfId="1" applyFont="1" applyBorder="1"/>
    <xf numFmtId="37" fontId="3" fillId="0" borderId="0" xfId="1" applyFont="1" applyAlignment="1" applyProtection="1">
      <alignment horizontal="left"/>
    </xf>
    <xf numFmtId="37" fontId="7" fillId="0" borderId="0" xfId="1" quotePrefix="1" applyFont="1" applyBorder="1"/>
    <xf numFmtId="37" fontId="7" fillId="0" borderId="8" xfId="1" applyFont="1" applyBorder="1" applyAlignment="1" applyProtection="1">
      <alignment horizontal="distributed" justifyLastLine="1"/>
    </xf>
    <xf numFmtId="37" fontId="7" fillId="0" borderId="10" xfId="1" applyFont="1" applyBorder="1" applyAlignment="1" applyProtection="1">
      <alignment horizontal="center"/>
    </xf>
    <xf numFmtId="37" fontId="7" fillId="0" borderId="10" xfId="1" applyFont="1" applyBorder="1" applyAlignment="1" applyProtection="1">
      <alignment horizontal="distributed" justifyLastLine="1"/>
    </xf>
    <xf numFmtId="37" fontId="7" fillId="0" borderId="14" xfId="1" applyFont="1" applyBorder="1" applyAlignment="1" applyProtection="1">
      <alignment horizontal="distributed" justifyLastLine="1"/>
    </xf>
    <xf numFmtId="37" fontId="7" fillId="0" borderId="0" xfId="1" applyFont="1" applyAlignment="1"/>
    <xf numFmtId="37" fontId="7" fillId="0" borderId="21" xfId="1" applyFont="1" applyBorder="1" applyAlignment="1" applyProtection="1">
      <alignment horizontal="center"/>
    </xf>
    <xf numFmtId="37" fontId="7" fillId="0" borderId="22" xfId="1" applyFont="1" applyBorder="1" applyAlignment="1" applyProtection="1">
      <alignment horizontal="center"/>
    </xf>
    <xf numFmtId="37" fontId="7" fillId="0" borderId="23" xfId="1" applyFont="1" applyBorder="1" applyAlignment="1" applyProtection="1">
      <alignment horizontal="distributed" justifyLastLine="1"/>
    </xf>
    <xf numFmtId="37" fontId="7" fillId="0" borderId="21" xfId="1" applyFont="1" applyBorder="1" applyAlignment="1" applyProtection="1">
      <alignment horizontal="distributed" justifyLastLine="1"/>
    </xf>
    <xf numFmtId="37" fontId="7" fillId="0" borderId="18" xfId="1" applyFont="1" applyBorder="1" applyAlignment="1" applyProtection="1">
      <alignment horizontal="distributed" justifyLastLine="1"/>
    </xf>
    <xf numFmtId="37" fontId="7" fillId="0" borderId="22" xfId="1" applyFont="1" applyBorder="1" applyAlignment="1" applyProtection="1">
      <alignment horizontal="distributed" justifyLastLine="1"/>
    </xf>
    <xf numFmtId="37" fontId="7" fillId="0" borderId="32" xfId="1" applyFont="1" applyBorder="1" applyAlignment="1" applyProtection="1">
      <alignment horizontal="center"/>
    </xf>
    <xf numFmtId="37" fontId="7" fillId="0" borderId="34" xfId="1" applyFont="1" applyBorder="1" applyAlignment="1" applyProtection="1">
      <alignment horizontal="center"/>
    </xf>
    <xf numFmtId="37" fontId="7" fillId="0" borderId="29" xfId="1" applyFont="1" applyBorder="1" applyAlignment="1" applyProtection="1">
      <alignment horizontal="right"/>
    </xf>
    <xf numFmtId="37" fontId="7" fillId="0" borderId="32" xfId="1" applyFont="1" applyBorder="1" applyAlignment="1" applyProtection="1">
      <alignment horizontal="right"/>
    </xf>
    <xf numFmtId="37" fontId="7" fillId="0" borderId="31" xfId="1" applyFont="1" applyBorder="1" applyAlignment="1" applyProtection="1">
      <alignment horizontal="right"/>
    </xf>
    <xf numFmtId="37" fontId="7" fillId="0" borderId="34" xfId="1" applyFont="1" applyBorder="1" applyAlignment="1" applyProtection="1">
      <alignment horizontal="right"/>
    </xf>
    <xf numFmtId="37" fontId="7" fillId="0" borderId="35" xfId="1" applyFont="1" applyBorder="1" applyAlignment="1" applyProtection="1">
      <alignment horizontal="center"/>
    </xf>
    <xf numFmtId="37" fontId="7" fillId="0" borderId="36" xfId="1" applyFont="1" applyBorder="1" applyAlignment="1" applyProtection="1">
      <alignment horizontal="center"/>
    </xf>
    <xf numFmtId="37" fontId="7" fillId="0" borderId="37" xfId="1" applyFont="1" applyBorder="1" applyAlignment="1" applyProtection="1">
      <alignment horizontal="center"/>
    </xf>
    <xf numFmtId="37" fontId="7" fillId="0" borderId="38" xfId="1" applyFont="1" applyBorder="1" applyAlignment="1" applyProtection="1">
      <alignment horizontal="center"/>
    </xf>
    <xf numFmtId="37" fontId="7" fillId="0" borderId="35" xfId="1" applyFont="1" applyBorder="1"/>
    <xf numFmtId="37" fontId="7" fillId="0" borderId="35" xfId="1" applyFont="1" applyBorder="1" applyAlignment="1" applyProtection="1">
      <alignment horizontal="right"/>
    </xf>
    <xf numFmtId="37" fontId="7" fillId="0" borderId="34" xfId="1" applyFont="1" applyBorder="1" applyAlignment="1" applyProtection="1">
      <alignment horizontal="left"/>
    </xf>
    <xf numFmtId="37" fontId="7" fillId="0" borderId="15" xfId="1" applyFont="1" applyFill="1" applyBorder="1" applyAlignment="1" applyProtection="1"/>
    <xf numFmtId="37" fontId="11" fillId="0" borderId="39" xfId="1" applyFont="1" applyFill="1" applyBorder="1" applyAlignment="1" applyProtection="1">
      <alignment horizontal="left"/>
    </xf>
    <xf numFmtId="1" fontId="7" fillId="0" borderId="39" xfId="0" applyNumberFormat="1" applyFont="1" applyFill="1" applyBorder="1" applyAlignment="1">
      <alignment horizontal="center"/>
    </xf>
    <xf numFmtId="4" fontId="7" fillId="0" borderId="39" xfId="0" applyNumberFormat="1" applyFont="1" applyFill="1" applyBorder="1" applyAlignment="1">
      <alignment horizontal="center"/>
    </xf>
    <xf numFmtId="3" fontId="7" fillId="0" borderId="39" xfId="0" applyNumberFormat="1" applyFont="1" applyBorder="1" applyAlignment="1">
      <alignment horizontal="center"/>
    </xf>
    <xf numFmtId="3" fontId="7" fillId="0" borderId="40" xfId="0" applyNumberFormat="1" applyFont="1" applyBorder="1" applyAlignment="1">
      <alignment horizontal="center"/>
    </xf>
    <xf numFmtId="1" fontId="7" fillId="0" borderId="41" xfId="0" applyNumberFormat="1" applyFont="1" applyBorder="1" applyAlignment="1">
      <alignment horizontal="center"/>
    </xf>
    <xf numFmtId="37" fontId="7" fillId="0" borderId="40" xfId="1" applyFont="1" applyFill="1" applyBorder="1" applyAlignment="1" applyProtection="1">
      <alignment horizontal="centerContinuous"/>
    </xf>
    <xf numFmtId="37" fontId="7" fillId="0" borderId="40" xfId="1" applyFont="1" applyFill="1" applyBorder="1" applyAlignment="1" applyProtection="1">
      <alignment horizontal="center"/>
    </xf>
    <xf numFmtId="37" fontId="7" fillId="0" borderId="22" xfId="1" quotePrefix="1" applyFont="1" applyFill="1" applyBorder="1" applyAlignment="1" applyProtection="1">
      <alignment horizontal="center"/>
    </xf>
    <xf numFmtId="2" fontId="7" fillId="0" borderId="42" xfId="0" applyNumberFormat="1" applyFont="1" applyBorder="1" applyAlignment="1"/>
    <xf numFmtId="37" fontId="7" fillId="0" borderId="43" xfId="1" quotePrefix="1" applyFont="1" applyFill="1" applyBorder="1" applyAlignment="1" applyProtection="1">
      <alignment horizontal="center"/>
    </xf>
    <xf numFmtId="3" fontId="7" fillId="0" borderId="39" xfId="0" applyNumberFormat="1" applyFont="1" applyBorder="1" applyAlignment="1"/>
    <xf numFmtId="1" fontId="7" fillId="0" borderId="39" xfId="0" applyNumberFormat="1" applyFont="1" applyBorder="1" applyAlignment="1"/>
    <xf numFmtId="37" fontId="7" fillId="0" borderId="44" xfId="1" applyNumberFormat="1" applyFont="1" applyFill="1" applyBorder="1" applyAlignment="1" applyProtection="1"/>
    <xf numFmtId="37" fontId="7" fillId="0" borderId="45" xfId="1" applyNumberFormat="1" applyFont="1" applyFill="1" applyBorder="1" applyAlignment="1" applyProtection="1"/>
    <xf numFmtId="37" fontId="7" fillId="0" borderId="46" xfId="1" applyNumberFormat="1" applyFont="1" applyFill="1" applyBorder="1" applyAlignment="1" applyProtection="1"/>
    <xf numFmtId="39" fontId="7" fillId="0" borderId="47" xfId="1" applyNumberFormat="1" applyFont="1" applyFill="1" applyBorder="1" applyAlignment="1" applyProtection="1"/>
    <xf numFmtId="39" fontId="7" fillId="0" borderId="48" xfId="1" applyNumberFormat="1" applyFont="1" applyFill="1" applyBorder="1" applyAlignment="1" applyProtection="1"/>
    <xf numFmtId="37" fontId="7" fillId="0" borderId="40" xfId="1" applyNumberFormat="1" applyFont="1" applyFill="1" applyBorder="1" applyAlignment="1" applyProtection="1"/>
    <xf numFmtId="39" fontId="7" fillId="0" borderId="49" xfId="1" applyNumberFormat="1" applyFont="1" applyFill="1" applyBorder="1" applyAlignment="1" applyProtection="1"/>
    <xf numFmtId="37" fontId="7" fillId="0" borderId="0" xfId="1" applyFont="1" applyFill="1" applyAlignment="1"/>
    <xf numFmtId="1" fontId="7" fillId="0" borderId="50" xfId="0" applyNumberFormat="1" applyFont="1" applyFill="1" applyBorder="1" applyAlignment="1">
      <alignment horizontal="center"/>
    </xf>
    <xf numFmtId="0" fontId="12" fillId="0" borderId="50" xfId="0" applyNumberFormat="1" applyFont="1" applyFill="1" applyBorder="1" applyAlignment="1">
      <alignment horizontal="center"/>
    </xf>
    <xf numFmtId="3" fontId="7" fillId="0" borderId="50" xfId="0" applyNumberFormat="1" applyFont="1" applyBorder="1" applyAlignment="1">
      <alignment horizontal="center"/>
    </xf>
    <xf numFmtId="3" fontId="7" fillId="0" borderId="26" xfId="0" applyNumberFormat="1" applyFont="1" applyBorder="1" applyAlignment="1">
      <alignment horizontal="center"/>
    </xf>
    <xf numFmtId="1" fontId="7" fillId="0" borderId="51" xfId="0" applyNumberFormat="1" applyFont="1" applyBorder="1" applyAlignment="1">
      <alignment horizontal="center"/>
    </xf>
    <xf numFmtId="37" fontId="7" fillId="0" borderId="40" xfId="1" applyFont="1" applyFill="1" applyBorder="1" applyAlignment="1">
      <alignment horizontal="centerContinuous"/>
    </xf>
    <xf numFmtId="37" fontId="7" fillId="0" borderId="52" xfId="1" quotePrefix="1" applyFont="1" applyFill="1" applyBorder="1" applyAlignment="1" applyProtection="1">
      <alignment horizontal="center"/>
    </xf>
    <xf numFmtId="2" fontId="7" fillId="0" borderId="53" xfId="0" applyNumberFormat="1" applyFont="1" applyBorder="1" applyAlignment="1"/>
    <xf numFmtId="37" fontId="7" fillId="0" borderId="50" xfId="1" quotePrefix="1" applyFont="1" applyFill="1" applyBorder="1" applyAlignment="1" applyProtection="1">
      <alignment horizontal="center"/>
    </xf>
    <xf numFmtId="3" fontId="7" fillId="0" borderId="50" xfId="0" applyNumberFormat="1" applyFont="1" applyBorder="1" applyAlignment="1"/>
    <xf numFmtId="1" fontId="7" fillId="0" borderId="50" xfId="0" applyNumberFormat="1" applyFont="1" applyBorder="1" applyAlignment="1"/>
    <xf numFmtId="4" fontId="7" fillId="0" borderId="50" xfId="0" applyNumberFormat="1" applyFont="1" applyFill="1" applyBorder="1" applyAlignment="1">
      <alignment horizontal="center"/>
    </xf>
    <xf numFmtId="2" fontId="7" fillId="0" borderId="40" xfId="1" applyNumberFormat="1" applyFont="1" applyFill="1" applyBorder="1" applyAlignment="1" applyProtection="1"/>
    <xf numFmtId="37" fontId="7" fillId="0" borderId="40" xfId="1" applyFont="1" applyFill="1" applyBorder="1" applyAlignment="1"/>
    <xf numFmtId="37" fontId="7" fillId="0" borderId="54" xfId="1" applyNumberFormat="1" applyFont="1" applyFill="1" applyBorder="1" applyAlignment="1" applyProtection="1"/>
    <xf numFmtId="3" fontId="7" fillId="0" borderId="50" xfId="0" applyNumberFormat="1" applyFont="1" applyFill="1" applyBorder="1" applyAlignment="1">
      <alignment horizontal="center"/>
    </xf>
    <xf numFmtId="37" fontId="7" fillId="0" borderId="45" xfId="1" applyFont="1" applyFill="1" applyBorder="1" applyAlignment="1" applyProtection="1">
      <alignment horizontal="center"/>
    </xf>
    <xf numFmtId="3" fontId="7" fillId="0" borderId="26" xfId="0" applyNumberFormat="1" applyFont="1" applyFill="1" applyBorder="1" applyAlignment="1">
      <alignment horizontal="center"/>
    </xf>
    <xf numFmtId="1" fontId="7" fillId="0" borderId="51" xfId="0" applyNumberFormat="1" applyFont="1" applyFill="1" applyBorder="1" applyAlignment="1">
      <alignment horizontal="center"/>
    </xf>
    <xf numFmtId="2" fontId="7" fillId="0" borderId="53" xfId="0" applyNumberFormat="1" applyFont="1" applyFill="1" applyBorder="1" applyAlignment="1"/>
    <xf numFmtId="3" fontId="7" fillId="0" borderId="50" xfId="0" applyNumberFormat="1" applyFont="1" applyFill="1" applyBorder="1" applyAlignment="1"/>
    <xf numFmtId="2" fontId="7" fillId="0" borderId="50" xfId="0" applyNumberFormat="1" applyFont="1" applyFill="1" applyBorder="1" applyAlignment="1"/>
    <xf numFmtId="37" fontId="7" fillId="0" borderId="29" xfId="1" applyFont="1" applyFill="1" applyBorder="1" applyAlignment="1" applyProtection="1"/>
    <xf numFmtId="37" fontId="11" fillId="0" borderId="18" xfId="1" applyFont="1" applyFill="1" applyBorder="1" applyAlignment="1" applyProtection="1">
      <alignment horizontal="left"/>
    </xf>
    <xf numFmtId="4" fontId="7" fillId="0" borderId="55" xfId="0" applyNumberFormat="1" applyFont="1" applyFill="1" applyBorder="1" applyAlignment="1">
      <alignment horizontal="center"/>
    </xf>
    <xf numFmtId="1" fontId="7" fillId="0" borderId="55" xfId="0" applyNumberFormat="1" applyFont="1" applyFill="1" applyBorder="1" applyAlignment="1">
      <alignment horizontal="center"/>
    </xf>
    <xf numFmtId="3" fontId="7" fillId="0" borderId="55" xfId="0" applyNumberFormat="1" applyFont="1" applyBorder="1" applyAlignment="1">
      <alignment horizontal="center"/>
    </xf>
    <xf numFmtId="3" fontId="7" fillId="0" borderId="56" xfId="0" applyNumberFormat="1" applyFont="1" applyBorder="1" applyAlignment="1">
      <alignment horizontal="center"/>
    </xf>
    <xf numFmtId="1" fontId="7" fillId="0" borderId="57" xfId="0" applyNumberFormat="1" applyFont="1" applyBorder="1" applyAlignment="1">
      <alignment horizontal="center"/>
    </xf>
    <xf numFmtId="2" fontId="7" fillId="0" borderId="32" xfId="1" applyNumberFormat="1" applyFont="1" applyFill="1" applyBorder="1" applyAlignment="1" applyProtection="1"/>
    <xf numFmtId="37" fontId="7" fillId="0" borderId="32" xfId="1" applyFont="1" applyFill="1" applyBorder="1" applyAlignment="1"/>
    <xf numFmtId="37" fontId="7" fillId="0" borderId="58" xfId="1" quotePrefix="1" applyFont="1" applyFill="1" applyBorder="1" applyAlignment="1" applyProtection="1">
      <alignment horizontal="center"/>
    </xf>
    <xf numFmtId="2" fontId="7" fillId="0" borderId="59" xfId="0" applyNumberFormat="1" applyFont="1" applyBorder="1" applyAlignment="1"/>
    <xf numFmtId="37" fontId="7" fillId="0" borderId="55" xfId="1" quotePrefix="1" applyFont="1" applyFill="1" applyBorder="1" applyAlignment="1" applyProtection="1">
      <alignment horizontal="center"/>
    </xf>
    <xf numFmtId="3" fontId="7" fillId="0" borderId="55" xfId="0" applyNumberFormat="1" applyFont="1" applyFill="1" applyBorder="1" applyAlignment="1"/>
    <xf numFmtId="1" fontId="7" fillId="0" borderId="55" xfId="0" applyNumberFormat="1" applyFont="1" applyBorder="1" applyAlignment="1"/>
    <xf numFmtId="37" fontId="7" fillId="0" borderId="56" xfId="1" applyNumberFormat="1" applyFont="1" applyFill="1" applyBorder="1" applyAlignment="1" applyProtection="1"/>
    <xf numFmtId="37" fontId="7" fillId="0" borderId="58" xfId="1" applyNumberFormat="1" applyFont="1" applyFill="1" applyBorder="1" applyAlignment="1" applyProtection="1"/>
    <xf numFmtId="37" fontId="7" fillId="0" borderId="60" xfId="1" applyNumberFormat="1" applyFont="1" applyFill="1" applyBorder="1" applyAlignment="1" applyProtection="1"/>
    <xf numFmtId="39" fontId="7" fillId="0" borderId="61" xfId="1" applyNumberFormat="1" applyFont="1" applyFill="1" applyBorder="1" applyAlignment="1" applyProtection="1"/>
    <xf numFmtId="37" fontId="7" fillId="0" borderId="62" xfId="1" applyNumberFormat="1" applyFont="1" applyFill="1" applyBorder="1" applyAlignment="1" applyProtection="1"/>
    <xf numFmtId="39" fontId="7" fillId="0" borderId="63" xfId="1" applyNumberFormat="1" applyFont="1" applyFill="1" applyBorder="1" applyAlignment="1" applyProtection="1"/>
    <xf numFmtId="37" fontId="7" fillId="0" borderId="32" xfId="1" applyNumberFormat="1" applyFont="1" applyFill="1" applyBorder="1" applyAlignment="1" applyProtection="1"/>
    <xf numFmtId="39" fontId="7" fillId="0" borderId="64" xfId="1" applyNumberFormat="1" applyFont="1" applyFill="1" applyBorder="1" applyAlignment="1" applyProtection="1"/>
    <xf numFmtId="37" fontId="7" fillId="0" borderId="35" xfId="1" applyFont="1" applyFill="1" applyBorder="1" applyAlignment="1"/>
    <xf numFmtId="37" fontId="7" fillId="0" borderId="35" xfId="1" applyNumberFormat="1" applyFont="1" applyFill="1" applyBorder="1" applyAlignment="1" applyProtection="1"/>
    <xf numFmtId="37" fontId="7" fillId="0" borderId="31" xfId="1" applyNumberFormat="1" applyFont="1" applyFill="1" applyBorder="1" applyAlignment="1" applyProtection="1"/>
    <xf numFmtId="37" fontId="7" fillId="0" borderId="34" xfId="1" applyNumberFormat="1" applyFont="1" applyFill="1" applyBorder="1" applyAlignment="1" applyProtection="1"/>
    <xf numFmtId="37" fontId="7" fillId="0" borderId="65" xfId="1" applyFont="1" applyFill="1" applyBorder="1" applyAlignment="1" applyProtection="1"/>
    <xf numFmtId="37" fontId="11" fillId="0" borderId="66" xfId="1" applyFont="1" applyFill="1" applyBorder="1" applyAlignment="1" applyProtection="1">
      <alignment horizontal="left"/>
    </xf>
    <xf numFmtId="1" fontId="7" fillId="0" borderId="67" xfId="0" applyNumberFormat="1" applyFont="1" applyBorder="1" applyAlignment="1">
      <alignment horizontal="center"/>
    </xf>
    <xf numFmtId="2" fontId="7" fillId="0" borderId="39" xfId="0" applyNumberFormat="1" applyFont="1" applyFill="1" applyBorder="1" applyAlignment="1">
      <alignment horizontal="center"/>
    </xf>
    <xf numFmtId="3" fontId="7" fillId="0" borderId="39" xfId="0" applyNumberFormat="1" applyFont="1" applyFill="1" applyBorder="1" applyAlignment="1"/>
    <xf numFmtId="39" fontId="7" fillId="0" borderId="68" xfId="1" applyNumberFormat="1" applyFont="1" applyFill="1" applyBorder="1" applyAlignment="1" applyProtection="1"/>
    <xf numFmtId="37" fontId="7" fillId="0" borderId="69" xfId="1" applyNumberFormat="1" applyFont="1" applyFill="1" applyBorder="1" applyAlignment="1" applyProtection="1"/>
    <xf numFmtId="2" fontId="7" fillId="0" borderId="50" xfId="0" applyNumberFormat="1" applyFont="1" applyFill="1" applyBorder="1" applyAlignment="1">
      <alignment horizontal="center"/>
    </xf>
    <xf numFmtId="37" fontId="7" fillId="0" borderId="50" xfId="1" quotePrefix="1" applyFont="1" applyFill="1" applyBorder="1" applyAlignment="1" applyProtection="1">
      <alignment horizontal="right"/>
    </xf>
    <xf numFmtId="1" fontId="13" fillId="0" borderId="51" xfId="0" applyNumberFormat="1" applyFont="1" applyFill="1" applyBorder="1" applyAlignment="1">
      <alignment horizontal="center"/>
    </xf>
    <xf numFmtId="2" fontId="7" fillId="0" borderId="50" xfId="0" applyNumberFormat="1" applyFont="1" applyBorder="1" applyAlignment="1"/>
    <xf numFmtId="37" fontId="11" fillId="0" borderId="31" xfId="1" applyFont="1" applyFill="1" applyBorder="1" applyAlignment="1" applyProtection="1">
      <alignment horizontal="left"/>
    </xf>
    <xf numFmtId="3" fontId="7" fillId="0" borderId="55" xfId="0" applyNumberFormat="1" applyFont="1" applyFill="1" applyBorder="1" applyAlignment="1">
      <alignment horizontal="center"/>
    </xf>
    <xf numFmtId="3" fontId="7" fillId="0" borderId="70" xfId="0" applyNumberFormat="1" applyFont="1" applyFill="1" applyBorder="1" applyAlignment="1">
      <alignment horizontal="center"/>
    </xf>
    <xf numFmtId="37" fontId="7" fillId="0" borderId="34" xfId="1" applyFont="1" applyFill="1" applyBorder="1" applyAlignment="1" applyProtection="1">
      <alignment horizontal="center"/>
    </xf>
    <xf numFmtId="2" fontId="7" fillId="0" borderId="59" xfId="0" applyNumberFormat="1" applyFont="1" applyFill="1" applyBorder="1" applyAlignment="1"/>
    <xf numFmtId="1" fontId="7" fillId="0" borderId="55" xfId="0" applyNumberFormat="1" applyFont="1" applyFill="1" applyBorder="1" applyAlignment="1"/>
    <xf numFmtId="38" fontId="7" fillId="0" borderId="32" xfId="1" applyNumberFormat="1" applyFont="1" applyFill="1" applyBorder="1" applyAlignment="1" applyProtection="1"/>
    <xf numFmtId="37" fontId="7" fillId="0" borderId="44" xfId="1" applyFont="1" applyFill="1" applyBorder="1" applyAlignment="1" applyProtection="1">
      <alignment horizontal="center"/>
    </xf>
    <xf numFmtId="2" fontId="7" fillId="0" borderId="39" xfId="1" applyNumberFormat="1" applyFont="1" applyFill="1" applyBorder="1" applyAlignment="1" applyProtection="1">
      <alignment horizontal="center"/>
    </xf>
    <xf numFmtId="39" fontId="7" fillId="0" borderId="40" xfId="1" applyNumberFormat="1" applyFont="1" applyFill="1" applyBorder="1" applyAlignment="1" applyProtection="1">
      <alignment horizontal="centerContinuous"/>
    </xf>
    <xf numFmtId="37" fontId="7" fillId="0" borderId="40" xfId="1" applyNumberFormat="1" applyFont="1" applyFill="1" applyBorder="1" applyAlignment="1" applyProtection="1">
      <alignment horizontal="center"/>
    </xf>
    <xf numFmtId="37" fontId="7" fillId="0" borderId="71" xfId="1" applyNumberFormat="1" applyFont="1" applyFill="1" applyBorder="1" applyAlignment="1" applyProtection="1">
      <alignment horizontal="centerContinuous"/>
    </xf>
    <xf numFmtId="37" fontId="7" fillId="0" borderId="72" xfId="1" applyFont="1" applyFill="1" applyBorder="1" applyAlignment="1"/>
    <xf numFmtId="37" fontId="7" fillId="0" borderId="43" xfId="1" applyFont="1" applyFill="1" applyBorder="1" applyAlignment="1"/>
    <xf numFmtId="37" fontId="7" fillId="0" borderId="73" xfId="1" applyFont="1" applyFill="1" applyBorder="1" applyAlignment="1"/>
    <xf numFmtId="39" fontId="7" fillId="0" borderId="15" xfId="1" applyNumberFormat="1" applyFont="1" applyFill="1" applyBorder="1" applyAlignment="1" applyProtection="1">
      <alignment horizontal="left"/>
    </xf>
    <xf numFmtId="39" fontId="7" fillId="0" borderId="74" xfId="1" applyNumberFormat="1" applyFont="1" applyFill="1" applyBorder="1" applyAlignment="1" applyProtection="1"/>
    <xf numFmtId="37" fontId="7" fillId="0" borderId="74" xfId="1" applyNumberFormat="1" applyFont="1" applyFill="1" applyBorder="1" applyAlignment="1" applyProtection="1"/>
    <xf numFmtId="37" fontId="7" fillId="0" borderId="74" xfId="1" applyFont="1" applyFill="1" applyBorder="1" applyAlignment="1"/>
    <xf numFmtId="37" fontId="7" fillId="0" borderId="75" xfId="1" applyNumberFormat="1" applyFont="1" applyFill="1" applyBorder="1" applyAlignment="1" applyProtection="1"/>
    <xf numFmtId="37" fontId="7" fillId="0" borderId="0" xfId="1" applyNumberFormat="1" applyFont="1" applyFill="1" applyBorder="1" applyAlignment="1" applyProtection="1"/>
    <xf numFmtId="37" fontId="7" fillId="0" borderId="76" xfId="1" applyFont="1" applyFill="1" applyBorder="1" applyAlignment="1"/>
    <xf numFmtId="37" fontId="7" fillId="0" borderId="76" xfId="1" applyNumberFormat="1" applyFont="1" applyFill="1" applyBorder="1" applyAlignment="1" applyProtection="1"/>
    <xf numFmtId="37" fontId="7" fillId="0" borderId="21" xfId="1" applyNumberFormat="1" applyFont="1" applyFill="1" applyBorder="1" applyAlignment="1" applyProtection="1"/>
    <xf numFmtId="37" fontId="7" fillId="0" borderId="77" xfId="1" applyNumberFormat="1" applyFont="1" applyFill="1" applyBorder="1" applyAlignment="1" applyProtection="1"/>
    <xf numFmtId="37" fontId="7" fillId="0" borderId="78" xfId="1" applyNumberFormat="1" applyFont="1" applyFill="1" applyBorder="1" applyAlignment="1" applyProtection="1"/>
    <xf numFmtId="37" fontId="7" fillId="0" borderId="16" xfId="1" applyNumberFormat="1" applyFont="1" applyFill="1" applyBorder="1" applyAlignment="1" applyProtection="1"/>
    <xf numFmtId="37" fontId="7" fillId="0" borderId="21" xfId="1" applyFont="1" applyFill="1" applyBorder="1" applyAlignment="1" applyProtection="1"/>
    <xf numFmtId="38" fontId="7" fillId="0" borderId="21" xfId="1" applyNumberFormat="1" applyFont="1" applyFill="1" applyBorder="1" applyAlignment="1" applyProtection="1"/>
    <xf numFmtId="37" fontId="7" fillId="0" borderId="22" xfId="1" applyNumberFormat="1" applyFont="1" applyFill="1" applyBorder="1" applyAlignment="1" applyProtection="1"/>
    <xf numFmtId="37" fontId="7" fillId="0" borderId="79" xfId="1" applyNumberFormat="1" applyFont="1" applyFill="1" applyBorder="1" applyAlignment="1" applyProtection="1">
      <alignment horizontal="centerContinuous"/>
    </xf>
    <xf numFmtId="37" fontId="7" fillId="0" borderId="21" xfId="1" applyFont="1" applyFill="1" applyBorder="1" applyAlignment="1"/>
    <xf numFmtId="37" fontId="7" fillId="0" borderId="18" xfId="1" applyFont="1" applyFill="1" applyBorder="1" applyAlignment="1"/>
    <xf numFmtId="37" fontId="7" fillId="0" borderId="22" xfId="1" applyFont="1" applyFill="1" applyBorder="1" applyAlignment="1"/>
    <xf numFmtId="39" fontId="7" fillId="0" borderId="80" xfId="1" applyNumberFormat="1" applyFont="1" applyFill="1" applyBorder="1" applyAlignment="1" applyProtection="1">
      <alignment horizontal="left"/>
    </xf>
    <xf numFmtId="39" fontId="7" fillId="0" borderId="24" xfId="1" applyNumberFormat="1" applyFont="1" applyFill="1" applyBorder="1" applyAlignment="1" applyProtection="1"/>
    <xf numFmtId="37" fontId="7" fillId="0" borderId="24" xfId="1" applyNumberFormat="1" applyFont="1" applyFill="1" applyBorder="1" applyAlignment="1" applyProtection="1"/>
    <xf numFmtId="37" fontId="7" fillId="0" borderId="24" xfId="1" applyFont="1" applyFill="1" applyBorder="1" applyAlignment="1"/>
    <xf numFmtId="37" fontId="7" fillId="0" borderId="27" xfId="1" applyNumberFormat="1" applyFont="1" applyFill="1" applyBorder="1" applyAlignment="1" applyProtection="1"/>
    <xf numFmtId="37" fontId="7" fillId="0" borderId="25" xfId="1" applyFont="1" applyFill="1" applyBorder="1" applyAlignment="1" applyProtection="1"/>
    <xf numFmtId="37" fontId="7" fillId="0" borderId="52" xfId="1" applyNumberFormat="1" applyFont="1" applyFill="1" applyBorder="1" applyAlignment="1" applyProtection="1"/>
    <xf numFmtId="37" fontId="7" fillId="0" borderId="35" xfId="1" applyFont="1" applyFill="1" applyBorder="1" applyAlignment="1" applyProtection="1">
      <alignment horizontal="center"/>
    </xf>
    <xf numFmtId="2" fontId="7" fillId="0" borderId="31" xfId="1" applyNumberFormat="1" applyFont="1" applyFill="1" applyBorder="1" applyAlignment="1" applyProtection="1">
      <alignment horizontal="center"/>
    </xf>
    <xf numFmtId="39" fontId="7" fillId="0" borderId="32" xfId="1" applyNumberFormat="1" applyFont="1" applyFill="1" applyBorder="1" applyAlignment="1" applyProtection="1">
      <alignment horizontal="centerContinuous"/>
    </xf>
    <xf numFmtId="37" fontId="7" fillId="0" borderId="32" xfId="1" applyNumberFormat="1" applyFont="1" applyFill="1" applyBorder="1" applyAlignment="1" applyProtection="1">
      <alignment horizontal="center"/>
    </xf>
    <xf numFmtId="37" fontId="7" fillId="0" borderId="33" xfId="1" applyNumberFormat="1" applyFont="1" applyFill="1" applyBorder="1" applyAlignment="1" applyProtection="1">
      <alignment horizontal="centerContinuous"/>
    </xf>
    <xf numFmtId="37" fontId="7" fillId="0" borderId="31" xfId="1" applyFont="1" applyFill="1" applyBorder="1" applyAlignment="1"/>
    <xf numFmtId="37" fontId="7" fillId="0" borderId="34" xfId="1" applyFont="1" applyFill="1" applyBorder="1" applyAlignment="1"/>
    <xf numFmtId="39" fontId="7" fillId="0" borderId="29" xfId="1" applyNumberFormat="1" applyFont="1" applyFill="1" applyBorder="1" applyAlignment="1" applyProtection="1">
      <alignment horizontal="left"/>
    </xf>
    <xf numFmtId="39" fontId="7" fillId="0" borderId="35" xfId="1" applyNumberFormat="1" applyFont="1" applyFill="1" applyBorder="1" applyAlignment="1" applyProtection="1"/>
    <xf numFmtId="37" fontId="7" fillId="0" borderId="81" xfId="1" applyNumberFormat="1" applyFont="1" applyFill="1" applyBorder="1" applyAlignment="1" applyProtection="1"/>
    <xf numFmtId="37" fontId="7" fillId="0" borderId="61" xfId="1" applyFont="1" applyFill="1" applyBorder="1" applyAlignment="1"/>
    <xf numFmtId="37" fontId="7" fillId="0" borderId="61" xfId="1" applyNumberFormat="1" applyFont="1" applyFill="1" applyBorder="1" applyAlignment="1" applyProtection="1"/>
    <xf numFmtId="37" fontId="7" fillId="0" borderId="63" xfId="1" applyNumberFormat="1" applyFont="1" applyFill="1" applyBorder="1" applyAlignment="1" applyProtection="1"/>
    <xf numFmtId="37" fontId="7" fillId="0" borderId="64" xfId="1" applyNumberFormat="1" applyFont="1" applyFill="1" applyBorder="1" applyAlignment="1" applyProtection="1"/>
    <xf numFmtId="37" fontId="7" fillId="0" borderId="30" xfId="1" applyFont="1" applyFill="1" applyBorder="1" applyAlignment="1" applyProtection="1"/>
    <xf numFmtId="37" fontId="7" fillId="0" borderId="32" xfId="1" applyFont="1" applyFill="1" applyBorder="1" applyAlignment="1" applyProtection="1"/>
    <xf numFmtId="2" fontId="7" fillId="0" borderId="0" xfId="1" applyNumberFormat="1" applyFont="1" applyBorder="1" applyProtection="1"/>
    <xf numFmtId="37" fontId="7" fillId="0" borderId="0" xfId="1" applyFont="1" applyBorder="1" applyAlignment="1">
      <alignment horizontal="centerContinuous"/>
    </xf>
    <xf numFmtId="37" fontId="7" fillId="0" borderId="0" xfId="1" applyNumberFormat="1" applyFont="1" applyBorder="1" applyAlignment="1" applyProtection="1">
      <alignment horizontal="centerContinuous"/>
    </xf>
    <xf numFmtId="37" fontId="7" fillId="0" borderId="44" xfId="1" applyFont="1" applyBorder="1" applyAlignment="1" applyProtection="1">
      <alignment horizontal="center"/>
    </xf>
    <xf numFmtId="37" fontId="7" fillId="0" borderId="39" xfId="1" applyNumberFormat="1" applyFont="1" applyBorder="1" applyAlignment="1" applyProtection="1">
      <alignment horizontal="center"/>
    </xf>
    <xf numFmtId="39" fontId="7" fillId="0" borderId="43" xfId="1" applyNumberFormat="1" applyFont="1" applyBorder="1" applyAlignment="1" applyProtection="1">
      <alignment horizontal="centerContinuous"/>
    </xf>
    <xf numFmtId="37" fontId="7" fillId="0" borderId="83" xfId="1" applyNumberFormat="1" applyFont="1" applyBorder="1" applyAlignment="1" applyProtection="1">
      <alignment horizontal="centerContinuous"/>
    </xf>
    <xf numFmtId="37" fontId="7" fillId="0" borderId="44" xfId="1" applyNumberFormat="1" applyFont="1" applyBorder="1" applyAlignment="1" applyProtection="1">
      <alignment horizontal="centerContinuous"/>
    </xf>
    <xf numFmtId="37" fontId="7" fillId="0" borderId="40" xfId="1" applyFont="1" applyBorder="1" applyAlignment="1" applyProtection="1">
      <alignment horizontal="center"/>
    </xf>
    <xf numFmtId="1" fontId="7" fillId="0" borderId="40" xfId="1" applyNumberFormat="1" applyFont="1" applyBorder="1" applyAlignment="1" applyProtection="1">
      <alignment horizontal="centerContinuous"/>
    </xf>
    <xf numFmtId="37" fontId="7" fillId="0" borderId="45" xfId="1" applyFont="1" applyBorder="1" applyAlignment="1" applyProtection="1">
      <alignment horizontal="center"/>
    </xf>
    <xf numFmtId="37" fontId="7" fillId="0" borderId="84" xfId="1" applyFont="1" applyBorder="1" applyAlignment="1" applyProtection="1">
      <alignment horizontal="right"/>
    </xf>
    <xf numFmtId="37" fontId="7" fillId="0" borderId="44" xfId="1" applyFont="1" applyBorder="1" applyAlignment="1" applyProtection="1">
      <alignment horizontal="right"/>
    </xf>
    <xf numFmtId="37" fontId="7" fillId="0" borderId="40" xfId="1" applyNumberFormat="1" applyFont="1" applyBorder="1" applyProtection="1"/>
    <xf numFmtId="37" fontId="7" fillId="0" borderId="45" xfId="1" applyNumberFormat="1" applyFont="1" applyBorder="1" applyProtection="1"/>
    <xf numFmtId="37" fontId="7" fillId="0" borderId="44" xfId="1" applyNumberFormat="1" applyFont="1" applyBorder="1" applyProtection="1"/>
    <xf numFmtId="39" fontId="7" fillId="0" borderId="47" xfId="1" applyNumberFormat="1" applyFont="1" applyBorder="1" applyProtection="1"/>
    <xf numFmtId="39" fontId="7" fillId="0" borderId="48" xfId="1" applyNumberFormat="1" applyFont="1" applyBorder="1" applyProtection="1"/>
    <xf numFmtId="39" fontId="7" fillId="0" borderId="85" xfId="1" applyNumberFormat="1" applyFont="1" applyBorder="1" applyProtection="1"/>
    <xf numFmtId="37" fontId="7" fillId="0" borderId="39" xfId="1" applyFont="1" applyBorder="1" applyAlignment="1" applyProtection="1">
      <alignment horizontal="center"/>
    </xf>
    <xf numFmtId="37" fontId="7" fillId="0" borderId="18" xfId="1" applyNumberFormat="1" applyFont="1" applyBorder="1" applyAlignment="1" applyProtection="1">
      <alignment shrinkToFit="1"/>
    </xf>
    <xf numFmtId="37" fontId="7" fillId="0" borderId="40" xfId="1" applyNumberFormat="1" applyFont="1" applyBorder="1" applyAlignment="1" applyProtection="1">
      <alignment horizontal="centerContinuous"/>
    </xf>
    <xf numFmtId="37" fontId="7" fillId="0" borderId="84" xfId="1" applyFont="1" applyBorder="1" applyAlignment="1" applyProtection="1">
      <alignment horizontal="center"/>
    </xf>
    <xf numFmtId="39" fontId="7" fillId="0" borderId="86" xfId="1" applyNumberFormat="1" applyFont="1" applyBorder="1" applyProtection="1"/>
    <xf numFmtId="1" fontId="7" fillId="0" borderId="40" xfId="1" applyNumberFormat="1" applyFont="1" applyBorder="1" applyAlignment="1" applyProtection="1">
      <alignment horizontal="center"/>
    </xf>
    <xf numFmtId="37" fontId="7" fillId="0" borderId="55" xfId="1" applyFont="1" applyBorder="1" applyAlignment="1" applyProtection="1">
      <alignment horizontal="center"/>
    </xf>
    <xf numFmtId="37" fontId="7" fillId="0" borderId="32" xfId="1" applyNumberFormat="1" applyFont="1" applyBorder="1" applyAlignment="1" applyProtection="1">
      <alignment horizontal="centerContinuous"/>
    </xf>
    <xf numFmtId="37" fontId="7" fillId="0" borderId="35" xfId="1" applyNumberFormat="1" applyFont="1" applyBorder="1" applyAlignment="1" applyProtection="1">
      <alignment horizontal="centerContinuous"/>
    </xf>
    <xf numFmtId="37" fontId="7" fillId="0" borderId="55" xfId="1" quotePrefix="1" applyFont="1" applyBorder="1" applyAlignment="1" applyProtection="1">
      <alignment horizontal="center"/>
    </xf>
    <xf numFmtId="37" fontId="7" fillId="0" borderId="58" xfId="1" quotePrefix="1" applyFont="1" applyBorder="1" applyAlignment="1" applyProtection="1">
      <alignment horizontal="center"/>
    </xf>
    <xf numFmtId="39" fontId="7" fillId="0" borderId="29" xfId="1" applyNumberFormat="1" applyFont="1" applyBorder="1" applyProtection="1"/>
    <xf numFmtId="39" fontId="7" fillId="0" borderId="35" xfId="1" applyNumberFormat="1" applyFont="1" applyBorder="1" applyAlignment="1" applyProtection="1">
      <alignment horizontal="left"/>
    </xf>
    <xf numFmtId="2" fontId="7" fillId="0" borderId="55" xfId="1" quotePrefix="1" applyNumberFormat="1" applyFont="1" applyBorder="1" applyAlignment="1" applyProtection="1">
      <alignment horizontal="center"/>
    </xf>
    <xf numFmtId="2" fontId="7" fillId="0" borderId="58" xfId="1" quotePrefix="1" applyNumberFormat="1" applyFont="1" applyBorder="1" applyAlignment="1" applyProtection="1">
      <alignment horizontal="center"/>
    </xf>
    <xf numFmtId="2" fontId="7" fillId="0" borderId="87" xfId="1" quotePrefix="1" applyNumberFormat="1" applyFont="1" applyBorder="1" applyAlignment="1" applyProtection="1">
      <alignment horizontal="center"/>
    </xf>
    <xf numFmtId="2" fontId="7" fillId="0" borderId="36" xfId="1" quotePrefix="1" applyNumberFormat="1" applyFont="1" applyBorder="1" applyAlignment="1" applyProtection="1">
      <alignment horizontal="center"/>
    </xf>
    <xf numFmtId="2" fontId="7" fillId="0" borderId="56" xfId="1" quotePrefix="1" applyNumberFormat="1" applyFont="1" applyBorder="1" applyAlignment="1" applyProtection="1">
      <alignment horizontal="center"/>
    </xf>
    <xf numFmtId="2" fontId="7" fillId="0" borderId="37" xfId="1" quotePrefix="1" applyNumberFormat="1" applyFont="1" applyBorder="1" applyAlignment="1" applyProtection="1">
      <alignment horizontal="center"/>
    </xf>
    <xf numFmtId="2" fontId="7" fillId="0" borderId="38" xfId="1" quotePrefix="1" applyNumberFormat="1" applyFont="1" applyBorder="1" applyAlignment="1" applyProtection="1">
      <alignment horizontal="center"/>
    </xf>
    <xf numFmtId="37" fontId="7" fillId="0" borderId="1" xfId="1" applyFont="1" applyBorder="1" applyAlignment="1" applyProtection="1">
      <alignment horizontal="center"/>
    </xf>
    <xf numFmtId="37" fontId="7" fillId="0" borderId="90" xfId="1" applyNumberFormat="1" applyFont="1" applyBorder="1" applyAlignment="1" applyProtection="1">
      <alignment horizontal="center"/>
    </xf>
    <xf numFmtId="37" fontId="7" fillId="0" borderId="90" xfId="1" applyNumberFormat="1" applyFont="1" applyBorder="1" applyAlignment="1" applyProtection="1">
      <alignment shrinkToFit="1"/>
    </xf>
    <xf numFmtId="37" fontId="7" fillId="0" borderId="91" xfId="1" applyNumberFormat="1" applyFont="1" applyBorder="1" applyAlignment="1" applyProtection="1">
      <alignment horizontal="centerContinuous"/>
    </xf>
    <xf numFmtId="37" fontId="7" fillId="0" borderId="1" xfId="1" applyNumberFormat="1" applyFont="1" applyBorder="1" applyAlignment="1" applyProtection="1">
      <alignment horizontal="centerContinuous"/>
    </xf>
    <xf numFmtId="37" fontId="7" fillId="0" borderId="91" xfId="1" applyFont="1" applyBorder="1" applyAlignment="1" applyProtection="1">
      <alignment horizontal="center"/>
    </xf>
    <xf numFmtId="1" fontId="7" fillId="0" borderId="91" xfId="1" applyNumberFormat="1" applyFont="1" applyBorder="1" applyAlignment="1" applyProtection="1">
      <alignment horizontal="center"/>
    </xf>
    <xf numFmtId="37" fontId="7" fillId="0" borderId="92" xfId="1" applyFont="1" applyBorder="1" applyAlignment="1" applyProtection="1">
      <alignment horizontal="center"/>
    </xf>
    <xf numFmtId="37" fontId="7" fillId="0" borderId="93" xfId="1" applyFont="1" applyBorder="1" applyAlignment="1" applyProtection="1">
      <alignment horizontal="center"/>
    </xf>
    <xf numFmtId="37" fontId="7" fillId="0" borderId="91" xfId="1" applyNumberFormat="1" applyFont="1" applyBorder="1" applyProtection="1"/>
    <xf numFmtId="37" fontId="7" fillId="0" borderId="92" xfId="1" applyNumberFormat="1" applyFont="1" applyBorder="1" applyProtection="1"/>
    <xf numFmtId="37" fontId="7" fillId="0" borderId="1" xfId="1" applyNumberFormat="1" applyFont="1" applyBorder="1" applyProtection="1"/>
    <xf numFmtId="4" fontId="7" fillId="0" borderId="94" xfId="1" applyNumberFormat="1" applyFont="1" applyBorder="1" applyAlignment="1" applyProtection="1">
      <alignment horizontal="right"/>
    </xf>
    <xf numFmtId="39" fontId="7" fillId="0" borderId="94" xfId="1" applyNumberFormat="1" applyFont="1" applyBorder="1" applyProtection="1"/>
    <xf numFmtId="4" fontId="7" fillId="0" borderId="95" xfId="1" applyNumberFormat="1" applyFont="1" applyBorder="1" applyProtection="1"/>
    <xf numFmtId="4" fontId="7" fillId="0" borderId="96" xfId="1" applyNumberFormat="1" applyFont="1" applyBorder="1" applyProtection="1"/>
    <xf numFmtId="3" fontId="7" fillId="0" borderId="40" xfId="1" applyNumberFormat="1" applyFont="1" applyFill="1" applyBorder="1" applyAlignment="1" applyProtection="1"/>
    <xf numFmtId="3" fontId="7" fillId="0" borderId="31" xfId="1" applyNumberFormat="1" applyFont="1" applyFill="1" applyBorder="1" applyAlignment="1" applyProtection="1"/>
    <xf numFmtId="3" fontId="7" fillId="0" borderId="32" xfId="1" applyNumberFormat="1" applyFont="1" applyFill="1" applyBorder="1" applyAlignment="1" applyProtection="1"/>
    <xf numFmtId="37" fontId="7" fillId="0" borderId="0" xfId="1" applyFont="1" applyBorder="1" applyAlignment="1"/>
    <xf numFmtId="37" fontId="7" fillId="0" borderId="1" xfId="1" applyFont="1" applyBorder="1" applyAlignment="1"/>
    <xf numFmtId="37" fontId="7" fillId="0" borderId="2" xfId="1" applyFont="1" applyBorder="1" applyAlignment="1" applyProtection="1">
      <alignment horizontal="distributed" vertical="center" justifyLastLine="1"/>
    </xf>
    <xf numFmtId="0" fontId="9" fillId="0" borderId="3" xfId="0" applyFont="1" applyBorder="1" applyAlignment="1">
      <alignment horizontal="distributed" vertical="center" justifyLastLine="1"/>
    </xf>
    <xf numFmtId="0" fontId="9" fillId="0" borderId="15" xfId="0" applyFont="1" applyBorder="1" applyAlignment="1">
      <alignment horizontal="distributed" vertical="center" justifyLastLine="1"/>
    </xf>
    <xf numFmtId="0" fontId="9" fillId="0" borderId="16" xfId="0" applyFont="1" applyBorder="1" applyAlignment="1">
      <alignment horizontal="distributed" vertical="center" justifyLastLine="1"/>
    </xf>
    <xf numFmtId="0" fontId="9" fillId="0" borderId="29" xfId="0" applyFont="1" applyBorder="1" applyAlignment="1">
      <alignment horizontal="distributed" vertical="center" justifyLastLine="1"/>
    </xf>
    <xf numFmtId="0" fontId="9" fillId="0" borderId="30" xfId="0" applyFont="1" applyBorder="1" applyAlignment="1">
      <alignment horizontal="distributed" vertical="center" justifyLastLine="1"/>
    </xf>
    <xf numFmtId="37" fontId="7" fillId="0" borderId="4" xfId="1" applyFont="1" applyBorder="1" applyAlignment="1" applyProtection="1">
      <alignment horizontal="distributed" justifyLastLine="1"/>
    </xf>
    <xf numFmtId="37" fontId="7" fillId="0" borderId="5" xfId="1" applyFont="1" applyBorder="1" applyAlignment="1" applyProtection="1">
      <alignment horizontal="distributed" justifyLastLine="1"/>
    </xf>
    <xf numFmtId="37" fontId="7" fillId="0" borderId="6" xfId="1" applyFont="1" applyBorder="1" applyAlignment="1" applyProtection="1">
      <alignment horizontal="center" vertical="center" wrapText="1"/>
    </xf>
    <xf numFmtId="37" fontId="7" fillId="0" borderId="18" xfId="1" applyFont="1" applyBorder="1" applyAlignment="1" applyProtection="1">
      <alignment horizontal="center" vertical="center" wrapText="1"/>
    </xf>
    <xf numFmtId="37" fontId="7" fillId="0" borderId="31" xfId="1" applyFont="1" applyBorder="1" applyAlignment="1" applyProtection="1">
      <alignment horizontal="center" vertical="center" wrapText="1"/>
    </xf>
    <xf numFmtId="37" fontId="7" fillId="0" borderId="4" xfId="1" applyFont="1" applyBorder="1" applyAlignment="1" applyProtection="1">
      <alignment horizontal="distributed" wrapText="1" justifyLastLine="1"/>
    </xf>
    <xf numFmtId="0" fontId="9" fillId="0" borderId="5" xfId="0" applyFont="1" applyBorder="1" applyAlignment="1">
      <alignment horizontal="distributed" wrapText="1" justifyLastLine="1"/>
    </xf>
    <xf numFmtId="37" fontId="7" fillId="0" borderId="4" xfId="1" applyFont="1" applyBorder="1" applyAlignment="1">
      <alignment horizontal="center"/>
    </xf>
    <xf numFmtId="0" fontId="9" fillId="0" borderId="7" xfId="0" applyFont="1" applyBorder="1" applyAlignment="1">
      <alignment horizontal="center"/>
    </xf>
    <xf numFmtId="0" fontId="9" fillId="0" borderId="5" xfId="0" applyFont="1" applyBorder="1" applyAlignment="1">
      <alignment horizontal="center"/>
    </xf>
    <xf numFmtId="37" fontId="7" fillId="0" borderId="9" xfId="1" applyFont="1" applyBorder="1" applyAlignment="1">
      <alignment horizontal="center"/>
    </xf>
    <xf numFmtId="37" fontId="7" fillId="0" borderId="7" xfId="1" applyFont="1" applyBorder="1" applyAlignment="1">
      <alignment horizontal="center"/>
    </xf>
    <xf numFmtId="37" fontId="7" fillId="0" borderId="5" xfId="1" applyFont="1" applyBorder="1" applyAlignment="1">
      <alignment horizontal="center"/>
    </xf>
    <xf numFmtId="37" fontId="7" fillId="0" borderId="11" xfId="1" applyFont="1" applyBorder="1" applyAlignment="1" applyProtection="1">
      <alignment horizontal="distributed" justifyLastLine="1"/>
    </xf>
    <xf numFmtId="37" fontId="7" fillId="0" borderId="26" xfId="1" applyFont="1" applyBorder="1" applyAlignment="1" applyProtection="1">
      <alignment horizontal="distributed" justifyLastLine="1"/>
    </xf>
    <xf numFmtId="37" fontId="7" fillId="0" borderId="25" xfId="1" applyFont="1" applyBorder="1" applyAlignment="1" applyProtection="1">
      <alignment horizontal="distributed" justifyLastLine="1"/>
    </xf>
    <xf numFmtId="37" fontId="7" fillId="0" borderId="24" xfId="1" applyFont="1" applyBorder="1" applyAlignment="1" applyProtection="1">
      <alignment horizontal="distributed" justifyLastLine="1"/>
    </xf>
    <xf numFmtId="37" fontId="7" fillId="0" borderId="27" xfId="1" applyFont="1" applyBorder="1" applyAlignment="1" applyProtection="1">
      <alignment horizontal="distributed" justifyLastLine="1"/>
    </xf>
    <xf numFmtId="37" fontId="7" fillId="0" borderId="7" xfId="1" applyFont="1" applyBorder="1" applyAlignment="1" applyProtection="1">
      <alignment horizontal="center"/>
    </xf>
    <xf numFmtId="0" fontId="9" fillId="0" borderId="7" xfId="0" applyFont="1" applyBorder="1" applyAlignment="1"/>
    <xf numFmtId="0" fontId="9" fillId="0" borderId="11" xfId="0" applyFont="1" applyBorder="1" applyAlignment="1"/>
    <xf numFmtId="37" fontId="7" fillId="0" borderId="13" xfId="1" applyFont="1" applyBorder="1" applyAlignment="1" applyProtection="1">
      <alignment horizontal="distributed" vertical="center" justifyLastLine="1"/>
    </xf>
    <xf numFmtId="37" fontId="7" fillId="0" borderId="28" xfId="1" applyFont="1" applyBorder="1" applyAlignment="1" applyProtection="1">
      <alignment horizontal="distributed" vertical="center" justifyLastLine="1"/>
    </xf>
    <xf numFmtId="37" fontId="7" fillId="0" borderId="6" xfId="1" applyFont="1" applyBorder="1" applyAlignment="1" applyProtection="1">
      <alignment horizontal="distributed" vertical="center" justifyLastLine="1"/>
    </xf>
    <xf numFmtId="37" fontId="7" fillId="0" borderId="18" xfId="1" applyFont="1" applyBorder="1" applyAlignment="1" applyProtection="1">
      <alignment horizontal="distributed" vertical="center" justifyLastLine="1"/>
    </xf>
    <xf numFmtId="37" fontId="7" fillId="0" borderId="17" xfId="1" applyFont="1" applyBorder="1" applyAlignment="1" applyProtection="1">
      <alignment horizontal="center" vertical="center"/>
    </xf>
    <xf numFmtId="37" fontId="7" fillId="0" borderId="31" xfId="1" applyFont="1" applyBorder="1" applyAlignment="1" applyProtection="1">
      <alignment horizontal="center" vertical="center"/>
    </xf>
    <xf numFmtId="37" fontId="7" fillId="0" borderId="19" xfId="1" applyFont="1" applyBorder="1" applyAlignment="1" applyProtection="1">
      <alignment horizontal="center" vertical="center"/>
    </xf>
    <xf numFmtId="0" fontId="9" fillId="0" borderId="32" xfId="0" applyFont="1" applyBorder="1" applyAlignment="1">
      <alignment horizontal="center" vertical="center"/>
    </xf>
    <xf numFmtId="37" fontId="7" fillId="0" borderId="20" xfId="1" applyFont="1" applyBorder="1" applyAlignment="1" applyProtection="1">
      <alignment horizontal="center" vertical="center"/>
    </xf>
    <xf numFmtId="0" fontId="9" fillId="0" borderId="33" xfId="0" applyFont="1" applyBorder="1" applyAlignment="1">
      <alignment horizontal="center" vertical="center"/>
    </xf>
    <xf numFmtId="37" fontId="7" fillId="0" borderId="65" xfId="1" applyFont="1" applyBorder="1" applyAlignment="1" applyProtection="1">
      <alignment horizontal="distributed" justifyLastLine="1"/>
    </xf>
    <xf numFmtId="0" fontId="9" fillId="0" borderId="82" xfId="0" applyFont="1" applyBorder="1" applyAlignment="1">
      <alignment horizontal="distributed" justifyLastLine="1"/>
    </xf>
    <xf numFmtId="37" fontId="7" fillId="0" borderId="80" xfId="1" applyFont="1" applyBorder="1" applyAlignment="1" applyProtection="1">
      <alignment horizontal="distributed" justifyLastLine="1"/>
    </xf>
    <xf numFmtId="0" fontId="9" fillId="0" borderId="25" xfId="0" applyFont="1" applyBorder="1" applyAlignment="1">
      <alignment horizontal="distributed" justifyLastLine="1"/>
    </xf>
    <xf numFmtId="37" fontId="7" fillId="0" borderId="29" xfId="1" applyFont="1" applyBorder="1" applyAlignment="1" applyProtection="1">
      <alignment horizontal="distributed" justifyLastLine="1"/>
    </xf>
    <xf numFmtId="0" fontId="9" fillId="0" borderId="30" xfId="0" applyFont="1" applyBorder="1" applyAlignment="1">
      <alignment horizontal="distributed" justifyLastLine="1"/>
    </xf>
    <xf numFmtId="37" fontId="7" fillId="0" borderId="88" xfId="1" applyFont="1" applyBorder="1" applyAlignment="1" applyProtection="1">
      <alignment horizontal="distributed" justifyLastLine="1"/>
    </xf>
    <xf numFmtId="0" fontId="9" fillId="0" borderId="89" xfId="0" applyFont="1" applyBorder="1" applyAlignment="1">
      <alignment horizontal="distributed" justifyLastLine="1"/>
    </xf>
    <xf numFmtId="37" fontId="7" fillId="0" borderId="12" xfId="1" applyFont="1" applyBorder="1"/>
  </cellXfs>
  <cellStyles count="2">
    <cellStyle name="標準" xfId="0" builtinId="0"/>
    <cellStyle name="標準_単独集計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50"/>
  <sheetViews>
    <sheetView tabSelected="1" view="pageBreakPreview" zoomScaleNormal="100" zoomScaleSheetLayoutView="100" workbookViewId="0">
      <selection activeCell="J17" sqref="J17"/>
    </sheetView>
  </sheetViews>
  <sheetFormatPr defaultColWidth="11.875" defaultRowHeight="11.25" x14ac:dyDescent="0.15"/>
  <cols>
    <col min="1" max="1" width="3.625" style="3" customWidth="1"/>
    <col min="2" max="2" width="10" style="3" customWidth="1"/>
    <col min="3" max="4" width="4.625" style="3" customWidth="1"/>
    <col min="5" max="5" width="6.125" style="3" customWidth="1"/>
    <col min="6" max="6" width="4.625" style="3" customWidth="1"/>
    <col min="7" max="7" width="15" style="3" bestFit="1" customWidth="1"/>
    <col min="8" max="10" width="9.625" style="3" customWidth="1"/>
    <col min="11" max="11" width="8.375" style="3" customWidth="1"/>
    <col min="12" max="15" width="9.625" style="3" customWidth="1"/>
    <col min="16" max="16" width="7.75" style="3" customWidth="1"/>
    <col min="17" max="18" width="10.625" style="3" customWidth="1"/>
    <col min="19" max="19" width="3.625" style="3" customWidth="1"/>
    <col min="20" max="20" width="10" style="3" customWidth="1"/>
    <col min="21" max="21" width="11.625" style="3" customWidth="1"/>
    <col min="22" max="22" width="6.125" style="3" customWidth="1"/>
    <col min="23" max="23" width="11.625" style="3" customWidth="1"/>
    <col min="24" max="24" width="6.125" style="3" customWidth="1"/>
    <col min="25" max="25" width="11.625" style="3" customWidth="1"/>
    <col min="26" max="26" width="6" style="3" customWidth="1"/>
    <col min="27" max="27" width="11.625" style="3" customWidth="1"/>
    <col min="28" max="28" width="6.125" style="3" customWidth="1"/>
    <col min="29" max="30" width="10.625" style="3" customWidth="1"/>
    <col min="31" max="32" width="8.625" style="3" customWidth="1"/>
    <col min="33" max="34" width="10.625" style="3" customWidth="1"/>
    <col min="35" max="35" width="11.25" style="3" customWidth="1"/>
    <col min="36" max="16384" width="11.875" style="3"/>
  </cols>
  <sheetData>
    <row r="1" spans="1:35" ht="13.5" x14ac:dyDescent="0.15">
      <c r="A1" s="1" t="s">
        <v>0</v>
      </c>
      <c r="B1" s="2"/>
      <c r="D1" s="4"/>
      <c r="E1" s="4"/>
      <c r="F1" s="4"/>
      <c r="G1" s="4"/>
      <c r="H1" s="4"/>
      <c r="I1" s="2"/>
      <c r="J1" s="5"/>
      <c r="K1" s="5"/>
      <c r="L1" s="2"/>
      <c r="M1" s="2"/>
      <c r="N1" s="2"/>
      <c r="O1" s="2"/>
      <c r="P1" s="2"/>
      <c r="Q1" s="2"/>
      <c r="R1" s="5"/>
      <c r="S1" s="6" t="s">
        <v>1</v>
      </c>
      <c r="T1" s="5"/>
      <c r="V1" s="2"/>
      <c r="W1" s="5"/>
      <c r="X1" s="5"/>
      <c r="Y1" s="5"/>
      <c r="AA1" s="5"/>
      <c r="AB1" s="5"/>
      <c r="AC1" s="2"/>
      <c r="AD1" s="2"/>
      <c r="AE1" s="5"/>
      <c r="AF1" s="5"/>
      <c r="AG1" s="5"/>
      <c r="AH1" s="5"/>
      <c r="AI1" s="228" t="s">
        <v>2</v>
      </c>
    </row>
    <row r="2" spans="1:35" ht="7.5" customHeight="1" thickBot="1" x14ac:dyDescent="0.2">
      <c r="A2" s="5"/>
      <c r="B2" s="5"/>
      <c r="C2" s="5"/>
      <c r="D2" s="5"/>
      <c r="E2" s="5"/>
      <c r="F2" s="5"/>
      <c r="G2" s="5"/>
      <c r="H2" s="5"/>
      <c r="I2" s="7"/>
      <c r="J2" s="5"/>
      <c r="K2" s="5"/>
      <c r="L2" s="7"/>
      <c r="M2" s="5"/>
      <c r="N2" s="5"/>
      <c r="O2" s="7"/>
      <c r="P2" s="5"/>
      <c r="Q2" s="5"/>
      <c r="R2" s="7"/>
      <c r="S2" s="7"/>
      <c r="T2" s="7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5"/>
      <c r="AI2" s="229"/>
    </row>
    <row r="3" spans="1:35" s="12" customFormat="1" ht="20.25" customHeight="1" x14ac:dyDescent="0.15">
      <c r="A3" s="230" t="s">
        <v>3</v>
      </c>
      <c r="B3" s="231"/>
      <c r="C3" s="236" t="s">
        <v>4</v>
      </c>
      <c r="D3" s="237"/>
      <c r="E3" s="238" t="s">
        <v>5</v>
      </c>
      <c r="F3" s="241" t="s">
        <v>6</v>
      </c>
      <c r="G3" s="242"/>
      <c r="H3" s="243" t="s">
        <v>7</v>
      </c>
      <c r="I3" s="244"/>
      <c r="J3" s="245"/>
      <c r="K3" s="8" t="s">
        <v>8</v>
      </c>
      <c r="L3" s="246" t="s">
        <v>9</v>
      </c>
      <c r="M3" s="247"/>
      <c r="N3" s="247"/>
      <c r="O3" s="248"/>
      <c r="P3" s="9" t="s">
        <v>10</v>
      </c>
      <c r="Q3" s="236" t="s">
        <v>11</v>
      </c>
      <c r="R3" s="249"/>
      <c r="S3" s="230" t="s">
        <v>3</v>
      </c>
      <c r="T3" s="231"/>
      <c r="U3" s="254" t="s">
        <v>12</v>
      </c>
      <c r="V3" s="244"/>
      <c r="W3" s="244"/>
      <c r="X3" s="244"/>
      <c r="Y3" s="244"/>
      <c r="Z3" s="244"/>
      <c r="AA3" s="255"/>
      <c r="AB3" s="256"/>
      <c r="AC3" s="257" t="s">
        <v>13</v>
      </c>
      <c r="AD3" s="259" t="s">
        <v>14</v>
      </c>
      <c r="AE3" s="10" t="s">
        <v>15</v>
      </c>
      <c r="AF3" s="10" t="s">
        <v>16</v>
      </c>
      <c r="AG3" s="10" t="s">
        <v>17</v>
      </c>
      <c r="AH3" s="259" t="s">
        <v>18</v>
      </c>
      <c r="AI3" s="11" t="s">
        <v>19</v>
      </c>
    </row>
    <row r="4" spans="1:35" ht="12" customHeight="1" x14ac:dyDescent="0.15">
      <c r="A4" s="232"/>
      <c r="B4" s="233"/>
      <c r="C4" s="261" t="s">
        <v>20</v>
      </c>
      <c r="D4" s="261" t="s">
        <v>21</v>
      </c>
      <c r="E4" s="239"/>
      <c r="F4" s="263" t="s">
        <v>22</v>
      </c>
      <c r="G4" s="265" t="s">
        <v>23</v>
      </c>
      <c r="H4" s="13" t="s">
        <v>24</v>
      </c>
      <c r="I4" s="13" t="s">
        <v>25</v>
      </c>
      <c r="J4" s="261" t="s">
        <v>26</v>
      </c>
      <c r="K4" s="14" t="s">
        <v>27</v>
      </c>
      <c r="L4" s="15" t="s">
        <v>28</v>
      </c>
      <c r="M4" s="16" t="s">
        <v>29</v>
      </c>
      <c r="N4" s="16" t="s">
        <v>30</v>
      </c>
      <c r="O4" s="17" t="s">
        <v>31</v>
      </c>
      <c r="P4" s="13" t="s">
        <v>32</v>
      </c>
      <c r="Q4" s="16" t="s">
        <v>33</v>
      </c>
      <c r="R4" s="18" t="s">
        <v>34</v>
      </c>
      <c r="S4" s="232"/>
      <c r="T4" s="233"/>
      <c r="U4" s="252" t="s">
        <v>35</v>
      </c>
      <c r="V4" s="251"/>
      <c r="W4" s="250" t="s">
        <v>36</v>
      </c>
      <c r="X4" s="251"/>
      <c r="Y4" s="250" t="s">
        <v>37</v>
      </c>
      <c r="Z4" s="252"/>
      <c r="AA4" s="250" t="s">
        <v>38</v>
      </c>
      <c r="AB4" s="253"/>
      <c r="AC4" s="258"/>
      <c r="AD4" s="260"/>
      <c r="AE4" s="16" t="s">
        <v>39</v>
      </c>
      <c r="AF4" s="16" t="s">
        <v>39</v>
      </c>
      <c r="AG4" s="16" t="s">
        <v>40</v>
      </c>
      <c r="AH4" s="260"/>
      <c r="AI4" s="14" t="s">
        <v>41</v>
      </c>
    </row>
    <row r="5" spans="1:35" ht="12" customHeight="1" thickBot="1" x14ac:dyDescent="0.2">
      <c r="A5" s="234"/>
      <c r="B5" s="235"/>
      <c r="C5" s="262"/>
      <c r="D5" s="262"/>
      <c r="E5" s="240"/>
      <c r="F5" s="264"/>
      <c r="G5" s="266"/>
      <c r="H5" s="19" t="s">
        <v>42</v>
      </c>
      <c r="I5" s="19" t="s">
        <v>33</v>
      </c>
      <c r="J5" s="262"/>
      <c r="K5" s="20" t="s">
        <v>43</v>
      </c>
      <c r="L5" s="21" t="s">
        <v>44</v>
      </c>
      <c r="M5" s="22" t="s">
        <v>44</v>
      </c>
      <c r="N5" s="22" t="s">
        <v>45</v>
      </c>
      <c r="O5" s="23" t="s">
        <v>45</v>
      </c>
      <c r="P5" s="23" t="s">
        <v>46</v>
      </c>
      <c r="Q5" s="22" t="s">
        <v>47</v>
      </c>
      <c r="R5" s="24" t="s">
        <v>47</v>
      </c>
      <c r="S5" s="234"/>
      <c r="T5" s="235"/>
      <c r="U5" s="25" t="s">
        <v>48</v>
      </c>
      <c r="V5" s="26" t="s">
        <v>44</v>
      </c>
      <c r="W5" s="19" t="s">
        <v>48</v>
      </c>
      <c r="X5" s="26" t="s">
        <v>44</v>
      </c>
      <c r="Y5" s="19" t="s">
        <v>48</v>
      </c>
      <c r="Z5" s="27" t="s">
        <v>44</v>
      </c>
      <c r="AA5" s="19" t="s">
        <v>48</v>
      </c>
      <c r="AB5" s="28" t="s">
        <v>44</v>
      </c>
      <c r="AC5" s="30" t="s">
        <v>49</v>
      </c>
      <c r="AD5" s="22" t="s">
        <v>50</v>
      </c>
      <c r="AE5" s="22" t="s">
        <v>51</v>
      </c>
      <c r="AF5" s="22" t="s">
        <v>52</v>
      </c>
      <c r="AG5" s="22" t="s">
        <v>53</v>
      </c>
      <c r="AH5" s="22" t="s">
        <v>54</v>
      </c>
      <c r="AI5" s="31" t="s">
        <v>55</v>
      </c>
    </row>
    <row r="6" spans="1:35" s="53" customFormat="1" ht="13.5" customHeight="1" thickTop="1" x14ac:dyDescent="0.15">
      <c r="A6" s="32">
        <v>1</v>
      </c>
      <c r="B6" s="33" t="s">
        <v>56</v>
      </c>
      <c r="C6" s="34" t="s">
        <v>57</v>
      </c>
      <c r="D6" s="35"/>
      <c r="E6" s="36" t="s">
        <v>58</v>
      </c>
      <c r="F6" s="37" t="s">
        <v>59</v>
      </c>
      <c r="G6" s="38" t="s">
        <v>60</v>
      </c>
      <c r="H6" s="34" t="s">
        <v>57</v>
      </c>
      <c r="I6" s="39"/>
      <c r="J6" s="40"/>
      <c r="K6" s="41" t="s">
        <v>61</v>
      </c>
      <c r="L6" s="42">
        <v>2.02</v>
      </c>
      <c r="M6" s="43" t="s">
        <v>62</v>
      </c>
      <c r="N6" s="44">
        <v>10170</v>
      </c>
      <c r="O6" s="43" t="s">
        <v>62</v>
      </c>
      <c r="P6" s="45">
        <v>19</v>
      </c>
      <c r="Q6" s="46">
        <v>757357549</v>
      </c>
      <c r="R6" s="47">
        <v>0</v>
      </c>
      <c r="S6" s="32">
        <v>1</v>
      </c>
      <c r="T6" s="33" t="s">
        <v>63</v>
      </c>
      <c r="U6" s="48">
        <v>15298622</v>
      </c>
      <c r="V6" s="49">
        <v>64.289999999999992</v>
      </c>
      <c r="W6" s="48">
        <v>0</v>
      </c>
      <c r="X6" s="49">
        <v>0</v>
      </c>
      <c r="Y6" s="48">
        <v>8498550</v>
      </c>
      <c r="Z6" s="50">
        <v>35.71</v>
      </c>
      <c r="AA6" s="51">
        <v>0</v>
      </c>
      <c r="AB6" s="52">
        <v>0</v>
      </c>
      <c r="AC6" s="46">
        <v>23797172</v>
      </c>
      <c r="AD6" s="48">
        <v>1753153</v>
      </c>
      <c r="AE6" s="48">
        <v>866</v>
      </c>
      <c r="AF6" s="48">
        <v>312184</v>
      </c>
      <c r="AG6" s="48">
        <v>2895505</v>
      </c>
      <c r="AH6" s="225">
        <v>-654203</v>
      </c>
      <c r="AI6" s="47">
        <v>18181261</v>
      </c>
    </row>
    <row r="7" spans="1:35" s="53" customFormat="1" ht="13.5" customHeight="1" x14ac:dyDescent="0.15">
      <c r="A7" s="32">
        <v>2</v>
      </c>
      <c r="B7" s="33" t="s">
        <v>64</v>
      </c>
      <c r="C7" s="54" t="s">
        <v>57</v>
      </c>
      <c r="D7" s="55"/>
      <c r="E7" s="56">
        <v>2</v>
      </c>
      <c r="F7" s="57">
        <v>10</v>
      </c>
      <c r="G7" s="58" t="s">
        <v>60</v>
      </c>
      <c r="H7" s="54" t="s">
        <v>57</v>
      </c>
      <c r="I7" s="39"/>
      <c r="J7" s="59"/>
      <c r="K7" s="60" t="s">
        <v>61</v>
      </c>
      <c r="L7" s="61">
        <v>2.29</v>
      </c>
      <c r="M7" s="62" t="s">
        <v>62</v>
      </c>
      <c r="N7" s="63">
        <v>10747</v>
      </c>
      <c r="O7" s="56" t="s">
        <v>62</v>
      </c>
      <c r="P7" s="64">
        <v>19</v>
      </c>
      <c r="Q7" s="46">
        <v>301342305</v>
      </c>
      <c r="R7" s="47">
        <v>0</v>
      </c>
      <c r="S7" s="32">
        <v>2</v>
      </c>
      <c r="T7" s="33" t="s">
        <v>64</v>
      </c>
      <c r="U7" s="48">
        <v>6900739</v>
      </c>
      <c r="V7" s="49">
        <v>67.37</v>
      </c>
      <c r="W7" s="48">
        <v>0</v>
      </c>
      <c r="X7" s="49">
        <v>0</v>
      </c>
      <c r="Y7" s="48">
        <v>3342349</v>
      </c>
      <c r="Z7" s="50">
        <v>32.630000000000003</v>
      </c>
      <c r="AA7" s="51">
        <v>0</v>
      </c>
      <c r="AB7" s="52">
        <v>0</v>
      </c>
      <c r="AC7" s="46">
        <v>10243088</v>
      </c>
      <c r="AD7" s="48">
        <v>631470</v>
      </c>
      <c r="AE7" s="48">
        <v>279</v>
      </c>
      <c r="AF7" s="48">
        <v>51244</v>
      </c>
      <c r="AG7" s="48">
        <v>1396372</v>
      </c>
      <c r="AH7" s="225">
        <v>-213990</v>
      </c>
      <c r="AI7" s="47">
        <v>7949733</v>
      </c>
    </row>
    <row r="8" spans="1:35" s="53" customFormat="1" ht="13.5" customHeight="1" x14ac:dyDescent="0.15">
      <c r="A8" s="32">
        <v>3</v>
      </c>
      <c r="B8" s="33" t="s">
        <v>65</v>
      </c>
      <c r="C8" s="54" t="s">
        <v>57</v>
      </c>
      <c r="D8" s="65"/>
      <c r="E8" s="56" t="s">
        <v>66</v>
      </c>
      <c r="F8" s="57">
        <v>10</v>
      </c>
      <c r="G8" s="58" t="s">
        <v>60</v>
      </c>
      <c r="H8" s="54" t="s">
        <v>57</v>
      </c>
      <c r="I8" s="66"/>
      <c r="J8" s="67"/>
      <c r="K8" s="60" t="s">
        <v>61</v>
      </c>
      <c r="L8" s="61">
        <v>2.08</v>
      </c>
      <c r="M8" s="62" t="s">
        <v>62</v>
      </c>
      <c r="N8" s="63">
        <v>6200</v>
      </c>
      <c r="O8" s="63">
        <v>10480</v>
      </c>
      <c r="P8" s="64">
        <v>19</v>
      </c>
      <c r="Q8" s="46">
        <v>74612970</v>
      </c>
      <c r="R8" s="47">
        <v>0</v>
      </c>
      <c r="S8" s="32">
        <v>3</v>
      </c>
      <c r="T8" s="33" t="s">
        <v>65</v>
      </c>
      <c r="U8" s="68">
        <v>1531817</v>
      </c>
      <c r="V8" s="49">
        <v>52.36</v>
      </c>
      <c r="W8" s="48">
        <v>0</v>
      </c>
      <c r="X8" s="49">
        <v>0</v>
      </c>
      <c r="Y8" s="48">
        <v>696241</v>
      </c>
      <c r="Z8" s="50">
        <v>23.8</v>
      </c>
      <c r="AA8" s="51">
        <v>697540</v>
      </c>
      <c r="AB8" s="52">
        <v>23.84</v>
      </c>
      <c r="AC8" s="46">
        <v>2925598</v>
      </c>
      <c r="AD8" s="48">
        <v>40451</v>
      </c>
      <c r="AE8" s="48">
        <v>14</v>
      </c>
      <c r="AF8" s="48">
        <v>6576</v>
      </c>
      <c r="AG8" s="48">
        <v>112666</v>
      </c>
      <c r="AH8" s="225">
        <v>-374804</v>
      </c>
      <c r="AI8" s="47">
        <v>2391087</v>
      </c>
    </row>
    <row r="9" spans="1:35" s="53" customFormat="1" ht="13.5" customHeight="1" x14ac:dyDescent="0.15">
      <c r="A9" s="32">
        <v>4</v>
      </c>
      <c r="B9" s="33" t="s">
        <v>67</v>
      </c>
      <c r="C9" s="54"/>
      <c r="D9" s="54" t="s">
        <v>57</v>
      </c>
      <c r="E9" s="69">
        <v>3</v>
      </c>
      <c r="F9" s="57" t="s">
        <v>59</v>
      </c>
      <c r="G9" s="58" t="s">
        <v>60</v>
      </c>
      <c r="H9" s="54" t="s">
        <v>57</v>
      </c>
      <c r="I9" s="66"/>
      <c r="J9" s="67"/>
      <c r="K9" s="60" t="s">
        <v>61</v>
      </c>
      <c r="L9" s="61">
        <v>1.33</v>
      </c>
      <c r="M9" s="62" t="s">
        <v>62</v>
      </c>
      <c r="N9" s="63">
        <v>5880</v>
      </c>
      <c r="O9" s="63">
        <v>5160</v>
      </c>
      <c r="P9" s="64">
        <v>19</v>
      </c>
      <c r="Q9" s="46">
        <v>51244244</v>
      </c>
      <c r="R9" s="47">
        <v>0</v>
      </c>
      <c r="S9" s="32">
        <v>4</v>
      </c>
      <c r="T9" s="33" t="s">
        <v>67</v>
      </c>
      <c r="U9" s="68">
        <v>681530</v>
      </c>
      <c r="V9" s="49">
        <v>51.83</v>
      </c>
      <c r="W9" s="48">
        <v>0</v>
      </c>
      <c r="X9" s="49">
        <v>0</v>
      </c>
      <c r="Y9" s="48">
        <v>420898</v>
      </c>
      <c r="Z9" s="50">
        <v>32.020000000000003</v>
      </c>
      <c r="AA9" s="51">
        <v>212259</v>
      </c>
      <c r="AB9" s="52">
        <v>16.149999999999999</v>
      </c>
      <c r="AC9" s="46">
        <v>1314687</v>
      </c>
      <c r="AD9" s="48">
        <v>134449</v>
      </c>
      <c r="AE9" s="48">
        <v>23</v>
      </c>
      <c r="AF9" s="48">
        <v>608</v>
      </c>
      <c r="AG9" s="48">
        <v>40283</v>
      </c>
      <c r="AH9" s="225">
        <v>-71098</v>
      </c>
      <c r="AI9" s="47">
        <v>1068226</v>
      </c>
    </row>
    <row r="10" spans="1:35" s="53" customFormat="1" ht="13.5" customHeight="1" x14ac:dyDescent="0.15">
      <c r="A10" s="32">
        <v>5</v>
      </c>
      <c r="B10" s="33" t="s">
        <v>68</v>
      </c>
      <c r="C10" s="54" t="s">
        <v>57</v>
      </c>
      <c r="D10" s="65"/>
      <c r="E10" s="69" t="s">
        <v>66</v>
      </c>
      <c r="F10" s="57">
        <v>10</v>
      </c>
      <c r="G10" s="58" t="s">
        <v>60</v>
      </c>
      <c r="H10" s="54" t="s">
        <v>57</v>
      </c>
      <c r="I10" s="66"/>
      <c r="J10" s="67"/>
      <c r="K10" s="60" t="s">
        <v>61</v>
      </c>
      <c r="L10" s="61">
        <v>2.25</v>
      </c>
      <c r="M10" s="62" t="s">
        <v>62</v>
      </c>
      <c r="N10" s="63">
        <v>7800</v>
      </c>
      <c r="O10" s="63">
        <v>4680</v>
      </c>
      <c r="P10" s="64">
        <v>19</v>
      </c>
      <c r="Q10" s="46">
        <v>51200323</v>
      </c>
      <c r="R10" s="47">
        <v>0</v>
      </c>
      <c r="S10" s="32">
        <v>5</v>
      </c>
      <c r="T10" s="33" t="s">
        <v>68</v>
      </c>
      <c r="U10" s="68">
        <v>1151998</v>
      </c>
      <c r="V10" s="49">
        <v>68.739999999999995</v>
      </c>
      <c r="W10" s="48">
        <v>0</v>
      </c>
      <c r="X10" s="49">
        <v>0</v>
      </c>
      <c r="Y10" s="48">
        <v>383221</v>
      </c>
      <c r="Z10" s="50">
        <v>22.87</v>
      </c>
      <c r="AA10" s="51">
        <v>140613</v>
      </c>
      <c r="AB10" s="52">
        <v>8.39</v>
      </c>
      <c r="AC10" s="46">
        <v>1675832</v>
      </c>
      <c r="AD10" s="48">
        <v>109764</v>
      </c>
      <c r="AE10" s="48">
        <v>0</v>
      </c>
      <c r="AF10" s="48">
        <v>5499</v>
      </c>
      <c r="AG10" s="48">
        <v>258690</v>
      </c>
      <c r="AH10" s="225">
        <v>-162587</v>
      </c>
      <c r="AI10" s="47">
        <v>1139292</v>
      </c>
    </row>
    <row r="11" spans="1:35" s="53" customFormat="1" ht="13.5" customHeight="1" x14ac:dyDescent="0.15">
      <c r="A11" s="32">
        <v>6</v>
      </c>
      <c r="B11" s="33" t="s">
        <v>69</v>
      </c>
      <c r="C11" s="54" t="s">
        <v>57</v>
      </c>
      <c r="D11" s="65"/>
      <c r="E11" s="69" t="s">
        <v>66</v>
      </c>
      <c r="F11" s="57" t="s">
        <v>59</v>
      </c>
      <c r="G11" s="58" t="s">
        <v>60</v>
      </c>
      <c r="H11" s="54" t="s">
        <v>57</v>
      </c>
      <c r="I11" s="39"/>
      <c r="J11" s="59"/>
      <c r="K11" s="60" t="s">
        <v>61</v>
      </c>
      <c r="L11" s="61">
        <v>1.46</v>
      </c>
      <c r="M11" s="62" t="s">
        <v>62</v>
      </c>
      <c r="N11" s="63">
        <v>7800</v>
      </c>
      <c r="O11" s="63">
        <v>5760</v>
      </c>
      <c r="P11" s="64">
        <v>19</v>
      </c>
      <c r="Q11" s="46">
        <v>93278989</v>
      </c>
      <c r="R11" s="47">
        <v>0</v>
      </c>
      <c r="S11" s="32">
        <v>6</v>
      </c>
      <c r="T11" s="33" t="s">
        <v>69</v>
      </c>
      <c r="U11" s="68">
        <v>1361852</v>
      </c>
      <c r="V11" s="49">
        <v>55.07</v>
      </c>
      <c r="W11" s="48">
        <v>0</v>
      </c>
      <c r="X11" s="49">
        <v>0</v>
      </c>
      <c r="Y11" s="48">
        <v>775585</v>
      </c>
      <c r="Z11" s="50">
        <v>31.36</v>
      </c>
      <c r="AA11" s="51">
        <v>335450</v>
      </c>
      <c r="AB11" s="52">
        <v>13.57</v>
      </c>
      <c r="AC11" s="46">
        <v>2472887</v>
      </c>
      <c r="AD11" s="48">
        <v>240744</v>
      </c>
      <c r="AE11" s="48">
        <v>25</v>
      </c>
      <c r="AF11" s="48">
        <v>9509</v>
      </c>
      <c r="AG11" s="48">
        <v>234198</v>
      </c>
      <c r="AH11" s="225">
        <v>-53174</v>
      </c>
      <c r="AI11" s="47">
        <v>1935237</v>
      </c>
    </row>
    <row r="12" spans="1:35" s="53" customFormat="1" ht="13.5" customHeight="1" x14ac:dyDescent="0.15">
      <c r="A12" s="32">
        <v>7</v>
      </c>
      <c r="B12" s="33" t="s">
        <v>70</v>
      </c>
      <c r="C12" s="54" t="s">
        <v>57</v>
      </c>
      <c r="D12" s="65"/>
      <c r="E12" s="69">
        <v>3</v>
      </c>
      <c r="F12" s="71">
        <v>10</v>
      </c>
      <c r="G12" s="72" t="s">
        <v>60</v>
      </c>
      <c r="H12" s="54" t="s">
        <v>57</v>
      </c>
      <c r="I12" s="40"/>
      <c r="J12" s="40"/>
      <c r="K12" s="60" t="s">
        <v>61</v>
      </c>
      <c r="L12" s="73">
        <v>2.72</v>
      </c>
      <c r="M12" s="62" t="s">
        <v>62</v>
      </c>
      <c r="N12" s="74">
        <v>8600</v>
      </c>
      <c r="O12" s="74">
        <v>7400</v>
      </c>
      <c r="P12" s="64">
        <v>19</v>
      </c>
      <c r="Q12" s="46">
        <v>38723056</v>
      </c>
      <c r="R12" s="47">
        <v>0</v>
      </c>
      <c r="S12" s="32">
        <v>7</v>
      </c>
      <c r="T12" s="33" t="s">
        <v>70</v>
      </c>
      <c r="U12" s="68">
        <v>1059528</v>
      </c>
      <c r="V12" s="49">
        <v>59.55</v>
      </c>
      <c r="W12" s="48">
        <v>0</v>
      </c>
      <c r="X12" s="49">
        <v>0</v>
      </c>
      <c r="Y12" s="48">
        <v>472707</v>
      </c>
      <c r="Z12" s="50">
        <v>26.57</v>
      </c>
      <c r="AA12" s="51">
        <v>246910</v>
      </c>
      <c r="AB12" s="52">
        <v>13.88</v>
      </c>
      <c r="AC12" s="46">
        <v>1779145</v>
      </c>
      <c r="AD12" s="48">
        <v>170260</v>
      </c>
      <c r="AE12" s="48">
        <v>98</v>
      </c>
      <c r="AF12" s="48">
        <v>1880</v>
      </c>
      <c r="AG12" s="48">
        <v>141574</v>
      </c>
      <c r="AH12" s="225">
        <v>-195311</v>
      </c>
      <c r="AI12" s="47">
        <v>1270022</v>
      </c>
    </row>
    <row r="13" spans="1:35" s="53" customFormat="1" ht="13.5" customHeight="1" x14ac:dyDescent="0.15">
      <c r="A13" s="32">
        <v>8</v>
      </c>
      <c r="B13" s="33" t="s">
        <v>71</v>
      </c>
      <c r="C13" s="54" t="s">
        <v>57</v>
      </c>
      <c r="D13" s="65"/>
      <c r="E13" s="69">
        <v>3</v>
      </c>
      <c r="F13" s="71">
        <v>9</v>
      </c>
      <c r="G13" s="72" t="s">
        <v>72</v>
      </c>
      <c r="H13" s="54" t="s">
        <v>57</v>
      </c>
      <c r="I13" s="66"/>
      <c r="J13" s="67"/>
      <c r="K13" s="60" t="s">
        <v>61</v>
      </c>
      <c r="L13" s="73">
        <v>1.83</v>
      </c>
      <c r="M13" s="62" t="s">
        <v>62</v>
      </c>
      <c r="N13" s="74">
        <v>5900</v>
      </c>
      <c r="O13" s="74">
        <v>8100</v>
      </c>
      <c r="P13" s="64">
        <v>19</v>
      </c>
      <c r="Q13" s="46">
        <v>50959082</v>
      </c>
      <c r="R13" s="47">
        <v>0</v>
      </c>
      <c r="S13" s="32">
        <v>8</v>
      </c>
      <c r="T13" s="33" t="s">
        <v>71</v>
      </c>
      <c r="U13" s="68">
        <v>932552</v>
      </c>
      <c r="V13" s="49">
        <v>59.629999999999995</v>
      </c>
      <c r="W13" s="48">
        <v>0</v>
      </c>
      <c r="X13" s="49">
        <v>0</v>
      </c>
      <c r="Y13" s="48">
        <v>353239</v>
      </c>
      <c r="Z13" s="50">
        <v>22.59</v>
      </c>
      <c r="AA13" s="51">
        <v>278044</v>
      </c>
      <c r="AB13" s="52">
        <v>17.78</v>
      </c>
      <c r="AC13" s="46">
        <v>1563835</v>
      </c>
      <c r="AD13" s="48">
        <v>138421</v>
      </c>
      <c r="AE13" s="48">
        <v>14</v>
      </c>
      <c r="AF13" s="48">
        <v>3155</v>
      </c>
      <c r="AG13" s="48">
        <v>139847</v>
      </c>
      <c r="AH13" s="225">
        <v>-41803</v>
      </c>
      <c r="AI13" s="47">
        <v>1240595</v>
      </c>
    </row>
    <row r="14" spans="1:35" s="53" customFormat="1" ht="13.5" customHeight="1" x14ac:dyDescent="0.15">
      <c r="A14" s="32">
        <v>9</v>
      </c>
      <c r="B14" s="33" t="s">
        <v>73</v>
      </c>
      <c r="C14" s="54" t="s">
        <v>57</v>
      </c>
      <c r="D14" s="65"/>
      <c r="E14" s="69" t="s">
        <v>66</v>
      </c>
      <c r="F14" s="57">
        <v>9</v>
      </c>
      <c r="G14" s="58" t="s">
        <v>72</v>
      </c>
      <c r="H14" s="54" t="s">
        <v>57</v>
      </c>
      <c r="I14" s="66"/>
      <c r="J14" s="67"/>
      <c r="K14" s="60" t="s">
        <v>61</v>
      </c>
      <c r="L14" s="61">
        <v>2.7</v>
      </c>
      <c r="M14" s="62" t="s">
        <v>62</v>
      </c>
      <c r="N14" s="63">
        <v>7100</v>
      </c>
      <c r="O14" s="63">
        <v>4900</v>
      </c>
      <c r="P14" s="64">
        <v>19</v>
      </c>
      <c r="Q14" s="46">
        <v>17358516</v>
      </c>
      <c r="R14" s="47">
        <v>0</v>
      </c>
      <c r="S14" s="32">
        <v>9</v>
      </c>
      <c r="T14" s="33" t="s">
        <v>73</v>
      </c>
      <c r="U14" s="68">
        <v>468456</v>
      </c>
      <c r="V14" s="49">
        <v>72.8</v>
      </c>
      <c r="W14" s="48">
        <v>0</v>
      </c>
      <c r="X14" s="49">
        <v>0</v>
      </c>
      <c r="Y14" s="48">
        <v>124226</v>
      </c>
      <c r="Z14" s="50">
        <v>19.309999999999999</v>
      </c>
      <c r="AA14" s="51">
        <v>50787</v>
      </c>
      <c r="AB14" s="52">
        <v>7.89</v>
      </c>
      <c r="AC14" s="46">
        <v>643469</v>
      </c>
      <c r="AD14" s="48">
        <v>24592</v>
      </c>
      <c r="AE14" s="48">
        <v>0</v>
      </c>
      <c r="AF14" s="48">
        <v>1857</v>
      </c>
      <c r="AG14" s="48">
        <v>102089</v>
      </c>
      <c r="AH14" s="225">
        <v>-87062</v>
      </c>
      <c r="AI14" s="47">
        <v>427869</v>
      </c>
    </row>
    <row r="15" spans="1:35" s="53" customFormat="1" ht="13.5" customHeight="1" x14ac:dyDescent="0.15">
      <c r="A15" s="32">
        <v>10</v>
      </c>
      <c r="B15" s="33" t="s">
        <v>74</v>
      </c>
      <c r="C15" s="65"/>
      <c r="D15" s="54" t="s">
        <v>57</v>
      </c>
      <c r="E15" s="56">
        <v>3</v>
      </c>
      <c r="F15" s="57" t="s">
        <v>59</v>
      </c>
      <c r="G15" s="58" t="s">
        <v>60</v>
      </c>
      <c r="H15" s="54" t="s">
        <v>57</v>
      </c>
      <c r="I15" s="66"/>
      <c r="J15" s="67"/>
      <c r="K15" s="60" t="s">
        <v>61</v>
      </c>
      <c r="L15" s="61">
        <v>2</v>
      </c>
      <c r="M15" s="62" t="s">
        <v>62</v>
      </c>
      <c r="N15" s="63">
        <v>10000</v>
      </c>
      <c r="O15" s="63">
        <v>4800</v>
      </c>
      <c r="P15" s="64">
        <v>19</v>
      </c>
      <c r="Q15" s="46">
        <v>147358343</v>
      </c>
      <c r="R15" s="47">
        <v>0</v>
      </c>
      <c r="S15" s="32">
        <v>10</v>
      </c>
      <c r="T15" s="33" t="s">
        <v>74</v>
      </c>
      <c r="U15" s="68">
        <v>2948268</v>
      </c>
      <c r="V15" s="49">
        <v>55.69</v>
      </c>
      <c r="W15" s="48">
        <v>0</v>
      </c>
      <c r="X15" s="49">
        <v>0</v>
      </c>
      <c r="Y15" s="48">
        <v>1820810</v>
      </c>
      <c r="Z15" s="50">
        <v>34.39</v>
      </c>
      <c r="AA15" s="51">
        <v>525070</v>
      </c>
      <c r="AB15" s="52">
        <v>9.92</v>
      </c>
      <c r="AC15" s="46">
        <v>5294148</v>
      </c>
      <c r="AD15" s="48">
        <v>462645</v>
      </c>
      <c r="AE15" s="48">
        <v>311</v>
      </c>
      <c r="AF15" s="48">
        <v>6708</v>
      </c>
      <c r="AG15" s="48">
        <v>392478</v>
      </c>
      <c r="AH15" s="225">
        <v>19331</v>
      </c>
      <c r="AI15" s="47">
        <v>4451337</v>
      </c>
    </row>
    <row r="16" spans="1:35" s="53" customFormat="1" ht="13.5" customHeight="1" x14ac:dyDescent="0.15">
      <c r="A16" s="32">
        <v>11</v>
      </c>
      <c r="B16" s="33" t="s">
        <v>75</v>
      </c>
      <c r="C16" s="65"/>
      <c r="D16" s="54" t="s">
        <v>57</v>
      </c>
      <c r="E16" s="56">
        <v>2</v>
      </c>
      <c r="F16" s="57" t="s">
        <v>59</v>
      </c>
      <c r="G16" s="58" t="s">
        <v>60</v>
      </c>
      <c r="H16" s="54" t="s">
        <v>57</v>
      </c>
      <c r="I16" s="66"/>
      <c r="J16" s="67"/>
      <c r="K16" s="60" t="s">
        <v>61</v>
      </c>
      <c r="L16" s="61">
        <v>2.06</v>
      </c>
      <c r="M16" s="62" t="s">
        <v>62</v>
      </c>
      <c r="N16" s="74">
        <v>10800</v>
      </c>
      <c r="O16" s="62" t="s">
        <v>62</v>
      </c>
      <c r="P16" s="64">
        <v>19</v>
      </c>
      <c r="Q16" s="46">
        <v>12675842</v>
      </c>
      <c r="R16" s="47">
        <v>0</v>
      </c>
      <c r="S16" s="32">
        <v>11</v>
      </c>
      <c r="T16" s="33" t="s">
        <v>75</v>
      </c>
      <c r="U16" s="68">
        <v>261119</v>
      </c>
      <c r="V16" s="49">
        <v>59.84</v>
      </c>
      <c r="W16" s="48">
        <v>0</v>
      </c>
      <c r="X16" s="49">
        <v>0</v>
      </c>
      <c r="Y16" s="48">
        <v>175263</v>
      </c>
      <c r="Z16" s="50">
        <v>40.159999999999997</v>
      </c>
      <c r="AA16" s="51">
        <v>0</v>
      </c>
      <c r="AB16" s="52">
        <v>0</v>
      </c>
      <c r="AC16" s="46">
        <v>436382</v>
      </c>
      <c r="AD16" s="48">
        <v>35990</v>
      </c>
      <c r="AE16" s="48">
        <v>0</v>
      </c>
      <c r="AF16" s="48">
        <v>329</v>
      </c>
      <c r="AG16" s="48">
        <v>27756</v>
      </c>
      <c r="AH16" s="225">
        <v>-12898</v>
      </c>
      <c r="AI16" s="47">
        <v>359409</v>
      </c>
    </row>
    <row r="17" spans="1:35" s="53" customFormat="1" ht="13.5" customHeight="1" x14ac:dyDescent="0.15">
      <c r="A17" s="32">
        <v>12</v>
      </c>
      <c r="B17" s="33" t="s">
        <v>76</v>
      </c>
      <c r="C17" s="65"/>
      <c r="D17" s="54" t="s">
        <v>57</v>
      </c>
      <c r="E17" s="56">
        <v>3</v>
      </c>
      <c r="F17" s="57" t="s">
        <v>59</v>
      </c>
      <c r="G17" s="58" t="s">
        <v>60</v>
      </c>
      <c r="H17" s="54" t="s">
        <v>57</v>
      </c>
      <c r="I17" s="66"/>
      <c r="J17" s="67"/>
      <c r="K17" s="70" t="s">
        <v>77</v>
      </c>
      <c r="L17" s="61">
        <v>1.98</v>
      </c>
      <c r="M17" s="75" t="s">
        <v>62</v>
      </c>
      <c r="N17" s="74">
        <v>6300</v>
      </c>
      <c r="O17" s="74">
        <v>6700</v>
      </c>
      <c r="P17" s="64">
        <v>19</v>
      </c>
      <c r="Q17" s="46">
        <v>35685881</v>
      </c>
      <c r="R17" s="47">
        <v>0</v>
      </c>
      <c r="S17" s="32">
        <v>12</v>
      </c>
      <c r="T17" s="33" t="s">
        <v>76</v>
      </c>
      <c r="U17" s="68">
        <v>706580</v>
      </c>
      <c r="V17" s="49">
        <v>59.35</v>
      </c>
      <c r="W17" s="48">
        <v>0</v>
      </c>
      <c r="X17" s="49">
        <v>0</v>
      </c>
      <c r="Y17" s="48">
        <v>297599</v>
      </c>
      <c r="Z17" s="50">
        <v>24.99</v>
      </c>
      <c r="AA17" s="51">
        <v>186501</v>
      </c>
      <c r="AB17" s="52">
        <v>15.66</v>
      </c>
      <c r="AC17" s="46">
        <v>1190680</v>
      </c>
      <c r="AD17" s="48">
        <v>106750</v>
      </c>
      <c r="AE17" s="48">
        <v>39</v>
      </c>
      <c r="AF17" s="48">
        <v>750</v>
      </c>
      <c r="AG17" s="48">
        <v>69498</v>
      </c>
      <c r="AH17" s="225">
        <v>-85397</v>
      </c>
      <c r="AI17" s="47">
        <v>928246</v>
      </c>
    </row>
    <row r="18" spans="1:35" s="53" customFormat="1" ht="13.5" customHeight="1" x14ac:dyDescent="0.15">
      <c r="A18" s="32">
        <v>13</v>
      </c>
      <c r="B18" s="33" t="s">
        <v>78</v>
      </c>
      <c r="C18" s="54" t="s">
        <v>57</v>
      </c>
      <c r="D18" s="65"/>
      <c r="E18" s="56">
        <v>3</v>
      </c>
      <c r="F18" s="57">
        <v>10</v>
      </c>
      <c r="G18" s="58" t="s">
        <v>60</v>
      </c>
      <c r="H18" s="54" t="s">
        <v>57</v>
      </c>
      <c r="I18" s="66"/>
      <c r="J18" s="67"/>
      <c r="K18" s="70" t="s">
        <v>77</v>
      </c>
      <c r="L18" s="61">
        <v>2.0099999999999998</v>
      </c>
      <c r="M18" s="62" t="s">
        <v>62</v>
      </c>
      <c r="N18" s="74">
        <v>8041</v>
      </c>
      <c r="O18" s="74">
        <v>8438</v>
      </c>
      <c r="P18" s="64">
        <v>19</v>
      </c>
      <c r="Q18" s="46">
        <v>50741736</v>
      </c>
      <c r="R18" s="47">
        <v>0</v>
      </c>
      <c r="S18" s="32">
        <v>13</v>
      </c>
      <c r="T18" s="33" t="s">
        <v>78</v>
      </c>
      <c r="U18" s="68">
        <v>997335</v>
      </c>
      <c r="V18" s="49">
        <v>56.05</v>
      </c>
      <c r="W18" s="48">
        <v>0</v>
      </c>
      <c r="X18" s="49">
        <v>0</v>
      </c>
      <c r="Y18" s="48">
        <v>487493</v>
      </c>
      <c r="Z18" s="50">
        <v>27.4</v>
      </c>
      <c r="AA18" s="51">
        <v>294476</v>
      </c>
      <c r="AB18" s="52">
        <v>16.55</v>
      </c>
      <c r="AC18" s="46">
        <v>1779304</v>
      </c>
      <c r="AD18" s="48">
        <v>153064</v>
      </c>
      <c r="AE18" s="48">
        <v>29</v>
      </c>
      <c r="AF18" s="48">
        <v>1873</v>
      </c>
      <c r="AG18" s="48">
        <v>135439</v>
      </c>
      <c r="AH18" s="225">
        <v>-35948</v>
      </c>
      <c r="AI18" s="47">
        <v>1452951</v>
      </c>
    </row>
    <row r="19" spans="1:35" s="53" customFormat="1" ht="13.5" customHeight="1" x14ac:dyDescent="0.15">
      <c r="A19" s="32">
        <v>14</v>
      </c>
      <c r="B19" s="33" t="s">
        <v>79</v>
      </c>
      <c r="C19" s="65"/>
      <c r="D19" s="54" t="s">
        <v>57</v>
      </c>
      <c r="E19" s="56">
        <v>3</v>
      </c>
      <c r="F19" s="57" t="s">
        <v>59</v>
      </c>
      <c r="G19" s="58" t="s">
        <v>60</v>
      </c>
      <c r="H19" s="54" t="s">
        <v>57</v>
      </c>
      <c r="I19" s="66"/>
      <c r="J19" s="67"/>
      <c r="K19" s="70" t="s">
        <v>135</v>
      </c>
      <c r="L19" s="61">
        <v>2.2000000000000002</v>
      </c>
      <c r="M19" s="62" t="s">
        <v>62</v>
      </c>
      <c r="N19" s="74">
        <v>7200</v>
      </c>
      <c r="O19" s="74">
        <v>7800</v>
      </c>
      <c r="P19" s="64">
        <v>19</v>
      </c>
      <c r="Q19" s="46">
        <v>52150297</v>
      </c>
      <c r="R19" s="47">
        <v>0</v>
      </c>
      <c r="S19" s="32">
        <v>14</v>
      </c>
      <c r="T19" s="33" t="s">
        <v>79</v>
      </c>
      <c r="U19" s="68">
        <v>1146999</v>
      </c>
      <c r="V19" s="49">
        <v>61.26</v>
      </c>
      <c r="W19" s="48">
        <v>0</v>
      </c>
      <c r="X19" s="49">
        <v>0</v>
      </c>
      <c r="Y19" s="48">
        <v>441403</v>
      </c>
      <c r="Z19" s="50">
        <v>23.57</v>
      </c>
      <c r="AA19" s="51">
        <v>283958</v>
      </c>
      <c r="AB19" s="52">
        <v>15.17</v>
      </c>
      <c r="AC19" s="46">
        <v>1872360</v>
      </c>
      <c r="AD19" s="48">
        <v>162201</v>
      </c>
      <c r="AE19" s="48">
        <v>220</v>
      </c>
      <c r="AF19" s="48">
        <v>360</v>
      </c>
      <c r="AG19" s="48">
        <v>201339</v>
      </c>
      <c r="AH19" s="225">
        <v>-60073</v>
      </c>
      <c r="AI19" s="47">
        <v>1448167</v>
      </c>
    </row>
    <row r="20" spans="1:35" s="53" customFormat="1" ht="13.5" customHeight="1" x14ac:dyDescent="0.15">
      <c r="A20" s="32">
        <v>15</v>
      </c>
      <c r="B20" s="33" t="s">
        <v>80</v>
      </c>
      <c r="C20" s="65"/>
      <c r="D20" s="54" t="s">
        <v>57</v>
      </c>
      <c r="E20" s="56" t="s">
        <v>81</v>
      </c>
      <c r="F20" s="57">
        <v>12</v>
      </c>
      <c r="G20" s="58" t="s">
        <v>82</v>
      </c>
      <c r="H20" s="54" t="s">
        <v>57</v>
      </c>
      <c r="I20" s="66"/>
      <c r="J20" s="67"/>
      <c r="K20" s="70" t="s">
        <v>57</v>
      </c>
      <c r="L20" s="61">
        <v>2.2000000000000002</v>
      </c>
      <c r="M20" s="75">
        <v>2.1800000000000002</v>
      </c>
      <c r="N20" s="74">
        <v>7800</v>
      </c>
      <c r="O20" s="74">
        <v>8700</v>
      </c>
      <c r="P20" s="64">
        <v>19</v>
      </c>
      <c r="Q20" s="46">
        <v>20017180</v>
      </c>
      <c r="R20" s="47">
        <v>1110474</v>
      </c>
      <c r="S20" s="32">
        <v>15</v>
      </c>
      <c r="T20" s="33" t="s">
        <v>80</v>
      </c>
      <c r="U20" s="68">
        <v>440378</v>
      </c>
      <c r="V20" s="49">
        <v>55.629999999999995</v>
      </c>
      <c r="W20" s="48">
        <v>24209</v>
      </c>
      <c r="X20" s="49">
        <v>3.06</v>
      </c>
      <c r="Y20" s="48">
        <v>199220</v>
      </c>
      <c r="Z20" s="50">
        <v>25.17</v>
      </c>
      <c r="AA20" s="51">
        <v>127772</v>
      </c>
      <c r="AB20" s="52">
        <v>16.14</v>
      </c>
      <c r="AC20" s="46">
        <v>791579</v>
      </c>
      <c r="AD20" s="48">
        <v>68645</v>
      </c>
      <c r="AE20" s="48">
        <v>0</v>
      </c>
      <c r="AF20" s="48">
        <v>653</v>
      </c>
      <c r="AG20" s="48">
        <v>52049</v>
      </c>
      <c r="AH20" s="225">
        <v>-29026</v>
      </c>
      <c r="AI20" s="47">
        <v>641206</v>
      </c>
    </row>
    <row r="21" spans="1:35" s="53" customFormat="1" ht="13.5" customHeight="1" x14ac:dyDescent="0.15">
      <c r="A21" s="32">
        <v>16</v>
      </c>
      <c r="B21" s="33" t="s">
        <v>83</v>
      </c>
      <c r="C21" s="65"/>
      <c r="D21" s="54" t="s">
        <v>57</v>
      </c>
      <c r="E21" s="56">
        <v>3</v>
      </c>
      <c r="F21" s="57">
        <v>10</v>
      </c>
      <c r="G21" s="58" t="s">
        <v>60</v>
      </c>
      <c r="H21" s="54" t="s">
        <v>57</v>
      </c>
      <c r="I21" s="66"/>
      <c r="J21" s="67"/>
      <c r="K21" s="70" t="s">
        <v>84</v>
      </c>
      <c r="L21" s="61">
        <v>1.7</v>
      </c>
      <c r="M21" s="62" t="s">
        <v>62</v>
      </c>
      <c r="N21" s="74">
        <v>8100</v>
      </c>
      <c r="O21" s="74">
        <v>6600</v>
      </c>
      <c r="P21" s="64">
        <v>19</v>
      </c>
      <c r="Q21" s="46">
        <v>28438124</v>
      </c>
      <c r="R21" s="47">
        <v>0</v>
      </c>
      <c r="S21" s="32">
        <v>16</v>
      </c>
      <c r="T21" s="33" t="s">
        <v>83</v>
      </c>
      <c r="U21" s="68">
        <v>483441</v>
      </c>
      <c r="V21" s="49">
        <v>54.65</v>
      </c>
      <c r="W21" s="48">
        <v>0</v>
      </c>
      <c r="X21" s="49">
        <v>0</v>
      </c>
      <c r="Y21" s="48">
        <v>269495</v>
      </c>
      <c r="Z21" s="50">
        <v>30.46</v>
      </c>
      <c r="AA21" s="51">
        <v>131743</v>
      </c>
      <c r="AB21" s="52">
        <v>14.89</v>
      </c>
      <c r="AC21" s="46">
        <v>884679</v>
      </c>
      <c r="AD21" s="48">
        <v>85113</v>
      </c>
      <c r="AE21" s="48">
        <v>81</v>
      </c>
      <c r="AF21" s="48">
        <v>1117</v>
      </c>
      <c r="AG21" s="48">
        <v>69177</v>
      </c>
      <c r="AH21" s="225">
        <v>-35207</v>
      </c>
      <c r="AI21" s="47">
        <v>693984</v>
      </c>
    </row>
    <row r="22" spans="1:35" s="53" customFormat="1" ht="13.5" customHeight="1" x14ac:dyDescent="0.15">
      <c r="A22" s="32">
        <v>17</v>
      </c>
      <c r="B22" s="33" t="s">
        <v>85</v>
      </c>
      <c r="C22" s="65"/>
      <c r="D22" s="54" t="s">
        <v>57</v>
      </c>
      <c r="E22" s="56">
        <v>3</v>
      </c>
      <c r="F22" s="57">
        <v>10</v>
      </c>
      <c r="G22" s="58" t="s">
        <v>60</v>
      </c>
      <c r="H22" s="54" t="s">
        <v>57</v>
      </c>
      <c r="I22" s="66"/>
      <c r="J22" s="67"/>
      <c r="K22" s="70" t="s">
        <v>135</v>
      </c>
      <c r="L22" s="61">
        <v>1.8</v>
      </c>
      <c r="M22" s="62" t="s">
        <v>62</v>
      </c>
      <c r="N22" s="74">
        <v>5500</v>
      </c>
      <c r="O22" s="74">
        <v>6000</v>
      </c>
      <c r="P22" s="64">
        <v>19</v>
      </c>
      <c r="Q22" s="46">
        <v>29467702</v>
      </c>
      <c r="R22" s="47">
        <v>0</v>
      </c>
      <c r="S22" s="32">
        <v>17</v>
      </c>
      <c r="T22" s="33" t="s">
        <v>85</v>
      </c>
      <c r="U22" s="68">
        <v>530412</v>
      </c>
      <c r="V22" s="49">
        <v>60.27</v>
      </c>
      <c r="W22" s="48">
        <v>0</v>
      </c>
      <c r="X22" s="49">
        <v>0</v>
      </c>
      <c r="Y22" s="48">
        <v>211734</v>
      </c>
      <c r="Z22" s="50">
        <v>24.06</v>
      </c>
      <c r="AA22" s="51">
        <v>137859</v>
      </c>
      <c r="AB22" s="52">
        <v>15.67</v>
      </c>
      <c r="AC22" s="46">
        <v>880005</v>
      </c>
      <c r="AD22" s="48">
        <v>76240</v>
      </c>
      <c r="AE22" s="48">
        <v>0</v>
      </c>
      <c r="AF22" s="48">
        <v>766</v>
      </c>
      <c r="AG22" s="48">
        <v>46859</v>
      </c>
      <c r="AH22" s="225">
        <v>-103004</v>
      </c>
      <c r="AI22" s="47">
        <v>653136</v>
      </c>
    </row>
    <row r="23" spans="1:35" s="53" customFormat="1" ht="13.5" customHeight="1" x14ac:dyDescent="0.15">
      <c r="A23" s="32">
        <v>18</v>
      </c>
      <c r="B23" s="33" t="s">
        <v>86</v>
      </c>
      <c r="C23" s="54"/>
      <c r="D23" s="65" t="s">
        <v>57</v>
      </c>
      <c r="E23" s="56">
        <v>3</v>
      </c>
      <c r="F23" s="57">
        <v>10</v>
      </c>
      <c r="G23" s="58" t="s">
        <v>60</v>
      </c>
      <c r="H23" s="54" t="s">
        <v>57</v>
      </c>
      <c r="I23" s="66"/>
      <c r="J23" s="67"/>
      <c r="K23" s="70" t="s">
        <v>135</v>
      </c>
      <c r="L23" s="61">
        <v>1.76</v>
      </c>
      <c r="M23" s="62" t="s">
        <v>62</v>
      </c>
      <c r="N23" s="74">
        <v>6700</v>
      </c>
      <c r="O23" s="74">
        <v>7890</v>
      </c>
      <c r="P23" s="64">
        <v>19</v>
      </c>
      <c r="Q23" s="46">
        <v>7423609</v>
      </c>
      <c r="R23" s="47">
        <v>0</v>
      </c>
      <c r="S23" s="32">
        <v>18</v>
      </c>
      <c r="T23" s="33" t="s">
        <v>86</v>
      </c>
      <c r="U23" s="68">
        <v>130651</v>
      </c>
      <c r="V23" s="49">
        <v>51.94</v>
      </c>
      <c r="W23" s="48">
        <v>0</v>
      </c>
      <c r="X23" s="49">
        <v>0</v>
      </c>
      <c r="Y23" s="48">
        <v>72031</v>
      </c>
      <c r="Z23" s="50">
        <v>28.63</v>
      </c>
      <c r="AA23" s="51">
        <v>48880</v>
      </c>
      <c r="AB23" s="52">
        <v>19.43</v>
      </c>
      <c r="AC23" s="46">
        <v>251562</v>
      </c>
      <c r="AD23" s="48">
        <v>24081</v>
      </c>
      <c r="AE23" s="48">
        <v>0</v>
      </c>
      <c r="AF23" s="48">
        <v>1130</v>
      </c>
      <c r="AG23" s="48">
        <v>9053</v>
      </c>
      <c r="AH23" s="225">
        <v>-11923</v>
      </c>
      <c r="AI23" s="47">
        <v>205375</v>
      </c>
    </row>
    <row r="24" spans="1:35" s="53" customFormat="1" ht="13.5" customHeight="1" thickBot="1" x14ac:dyDescent="0.2">
      <c r="A24" s="76">
        <v>21</v>
      </c>
      <c r="B24" s="77" t="s">
        <v>87</v>
      </c>
      <c r="C24" s="78"/>
      <c r="D24" s="79" t="s">
        <v>57</v>
      </c>
      <c r="E24" s="80">
        <v>3</v>
      </c>
      <c r="F24" s="81" t="s">
        <v>59</v>
      </c>
      <c r="G24" s="82" t="s">
        <v>60</v>
      </c>
      <c r="H24" s="79" t="s">
        <v>57</v>
      </c>
      <c r="I24" s="83"/>
      <c r="J24" s="84"/>
      <c r="K24" s="85" t="s">
        <v>61</v>
      </c>
      <c r="L24" s="86">
        <v>1.95</v>
      </c>
      <c r="M24" s="87" t="s">
        <v>62</v>
      </c>
      <c r="N24" s="88">
        <v>6800</v>
      </c>
      <c r="O24" s="88">
        <v>7200</v>
      </c>
      <c r="P24" s="89">
        <v>19</v>
      </c>
      <c r="Q24" s="90">
        <v>18935806</v>
      </c>
      <c r="R24" s="91">
        <v>0</v>
      </c>
      <c r="S24" s="76">
        <v>21</v>
      </c>
      <c r="T24" s="77" t="s">
        <v>87</v>
      </c>
      <c r="U24" s="92">
        <v>369243</v>
      </c>
      <c r="V24" s="93">
        <v>57.86</v>
      </c>
      <c r="W24" s="94">
        <v>0</v>
      </c>
      <c r="X24" s="93">
        <v>0</v>
      </c>
      <c r="Y24" s="94">
        <v>169721</v>
      </c>
      <c r="Z24" s="95">
        <v>26.59</v>
      </c>
      <c r="AA24" s="96">
        <v>99273</v>
      </c>
      <c r="AB24" s="97">
        <v>15.55</v>
      </c>
      <c r="AC24" s="99">
        <v>638237</v>
      </c>
      <c r="AD24" s="94">
        <v>50623</v>
      </c>
      <c r="AE24" s="94">
        <v>40</v>
      </c>
      <c r="AF24" s="94">
        <v>1047</v>
      </c>
      <c r="AG24" s="100">
        <v>41685</v>
      </c>
      <c r="AH24" s="226">
        <v>-26493</v>
      </c>
      <c r="AI24" s="101">
        <v>518349</v>
      </c>
    </row>
    <row r="25" spans="1:35" s="53" customFormat="1" ht="13.5" customHeight="1" thickTop="1" x14ac:dyDescent="0.15">
      <c r="A25" s="102">
        <v>19</v>
      </c>
      <c r="B25" s="103" t="s">
        <v>88</v>
      </c>
      <c r="C25" s="34" t="s">
        <v>57</v>
      </c>
      <c r="D25" s="35"/>
      <c r="E25" s="36">
        <v>3</v>
      </c>
      <c r="F25" s="37">
        <v>10</v>
      </c>
      <c r="G25" s="104" t="s">
        <v>60</v>
      </c>
      <c r="H25" s="34" t="s">
        <v>57</v>
      </c>
      <c r="I25" s="40"/>
      <c r="J25" s="67"/>
      <c r="K25" s="70" t="s">
        <v>136</v>
      </c>
      <c r="L25" s="42">
        <v>3.04</v>
      </c>
      <c r="M25" s="105" t="s">
        <v>62</v>
      </c>
      <c r="N25" s="106">
        <v>8400</v>
      </c>
      <c r="O25" s="106">
        <v>7400</v>
      </c>
      <c r="P25" s="45">
        <v>19</v>
      </c>
      <c r="Q25" s="46">
        <v>9604742</v>
      </c>
      <c r="R25" s="47">
        <v>0</v>
      </c>
      <c r="S25" s="102">
        <v>19</v>
      </c>
      <c r="T25" s="103" t="s">
        <v>88</v>
      </c>
      <c r="U25" s="48">
        <v>291983</v>
      </c>
      <c r="V25" s="107">
        <v>71.240000000000009</v>
      </c>
      <c r="W25" s="48">
        <v>0</v>
      </c>
      <c r="X25" s="49">
        <v>0</v>
      </c>
      <c r="Y25" s="48">
        <v>78620</v>
      </c>
      <c r="Z25" s="50">
        <v>19.18</v>
      </c>
      <c r="AA25" s="51">
        <v>39261</v>
      </c>
      <c r="AB25" s="52">
        <v>9.58</v>
      </c>
      <c r="AC25" s="46">
        <v>409864</v>
      </c>
      <c r="AD25" s="48">
        <v>21775</v>
      </c>
      <c r="AE25" s="48">
        <v>0</v>
      </c>
      <c r="AF25" s="48">
        <v>1482</v>
      </c>
      <c r="AG25" s="48">
        <v>100094</v>
      </c>
      <c r="AH25" s="225">
        <v>-22856</v>
      </c>
      <c r="AI25" s="108">
        <v>263657</v>
      </c>
    </row>
    <row r="26" spans="1:35" s="53" customFormat="1" ht="13.5" customHeight="1" x14ac:dyDescent="0.15">
      <c r="A26" s="32">
        <v>20</v>
      </c>
      <c r="B26" s="33" t="s">
        <v>89</v>
      </c>
      <c r="C26" s="54" t="s">
        <v>57</v>
      </c>
      <c r="D26" s="65"/>
      <c r="E26" s="56">
        <v>3</v>
      </c>
      <c r="F26" s="57">
        <v>10</v>
      </c>
      <c r="G26" s="58" t="s">
        <v>60</v>
      </c>
      <c r="H26" s="54" t="s">
        <v>57</v>
      </c>
      <c r="I26" s="66"/>
      <c r="J26" s="67"/>
      <c r="K26" s="70" t="s">
        <v>135</v>
      </c>
      <c r="L26" s="61">
        <v>2.6</v>
      </c>
      <c r="M26" s="109" t="s">
        <v>62</v>
      </c>
      <c r="N26" s="74">
        <v>10200</v>
      </c>
      <c r="O26" s="74">
        <v>10200</v>
      </c>
      <c r="P26" s="64">
        <v>19</v>
      </c>
      <c r="Q26" s="46">
        <v>9753853</v>
      </c>
      <c r="R26" s="47">
        <v>0</v>
      </c>
      <c r="S26" s="32">
        <v>20</v>
      </c>
      <c r="T26" s="33" t="s">
        <v>89</v>
      </c>
      <c r="U26" s="68">
        <v>253597</v>
      </c>
      <c r="V26" s="49">
        <v>55</v>
      </c>
      <c r="W26" s="48">
        <v>0</v>
      </c>
      <c r="X26" s="49">
        <v>0</v>
      </c>
      <c r="Y26" s="48">
        <v>132988</v>
      </c>
      <c r="Z26" s="50">
        <v>28.84</v>
      </c>
      <c r="AA26" s="51">
        <v>74522</v>
      </c>
      <c r="AB26" s="52">
        <v>16.16</v>
      </c>
      <c r="AC26" s="46">
        <v>461107</v>
      </c>
      <c r="AD26" s="48">
        <v>45735</v>
      </c>
      <c r="AE26" s="48">
        <v>0</v>
      </c>
      <c r="AF26" s="48">
        <v>804</v>
      </c>
      <c r="AG26" s="48">
        <v>31933</v>
      </c>
      <c r="AH26" s="225">
        <v>-18167</v>
      </c>
      <c r="AI26" s="47">
        <v>364468</v>
      </c>
    </row>
    <row r="27" spans="1:35" s="53" customFormat="1" ht="13.5" customHeight="1" x14ac:dyDescent="0.15">
      <c r="A27" s="32">
        <v>22</v>
      </c>
      <c r="B27" s="33" t="s">
        <v>90</v>
      </c>
      <c r="C27" s="65"/>
      <c r="D27" s="54" t="s">
        <v>57</v>
      </c>
      <c r="E27" s="56">
        <v>2</v>
      </c>
      <c r="F27" s="57">
        <v>10</v>
      </c>
      <c r="G27" s="58" t="s">
        <v>60</v>
      </c>
      <c r="H27" s="54" t="s">
        <v>57</v>
      </c>
      <c r="I27" s="66"/>
      <c r="J27" s="67"/>
      <c r="K27" s="70" t="s">
        <v>84</v>
      </c>
      <c r="L27" s="61">
        <v>2.2000000000000002</v>
      </c>
      <c r="M27" s="62" t="s">
        <v>62</v>
      </c>
      <c r="N27" s="74">
        <v>9900</v>
      </c>
      <c r="O27" s="62" t="s">
        <v>62</v>
      </c>
      <c r="P27" s="64">
        <v>19</v>
      </c>
      <c r="Q27" s="46">
        <v>8312881</v>
      </c>
      <c r="R27" s="47">
        <v>0</v>
      </c>
      <c r="S27" s="32">
        <v>22</v>
      </c>
      <c r="T27" s="33" t="s">
        <v>90</v>
      </c>
      <c r="U27" s="68">
        <v>182882</v>
      </c>
      <c r="V27" s="49">
        <v>66.36</v>
      </c>
      <c r="W27" s="48">
        <v>0</v>
      </c>
      <c r="X27" s="49">
        <v>0</v>
      </c>
      <c r="Y27" s="48">
        <v>92723</v>
      </c>
      <c r="Z27" s="50">
        <v>33.64</v>
      </c>
      <c r="AA27" s="51">
        <v>0</v>
      </c>
      <c r="AB27" s="52">
        <v>0</v>
      </c>
      <c r="AC27" s="46">
        <v>275605</v>
      </c>
      <c r="AD27" s="48">
        <v>18736</v>
      </c>
      <c r="AE27" s="48">
        <v>0</v>
      </c>
      <c r="AF27" s="48">
        <v>296</v>
      </c>
      <c r="AG27" s="48">
        <v>35953</v>
      </c>
      <c r="AH27" s="225">
        <v>-4807</v>
      </c>
      <c r="AI27" s="47">
        <v>215813</v>
      </c>
    </row>
    <row r="28" spans="1:35" s="53" customFormat="1" ht="13.5" customHeight="1" x14ac:dyDescent="0.15">
      <c r="A28" s="32">
        <v>23</v>
      </c>
      <c r="B28" s="33" t="s">
        <v>91</v>
      </c>
      <c r="C28" s="65"/>
      <c r="D28" s="54" t="s">
        <v>57</v>
      </c>
      <c r="E28" s="56">
        <v>3</v>
      </c>
      <c r="F28" s="57">
        <v>9</v>
      </c>
      <c r="G28" s="58" t="s">
        <v>72</v>
      </c>
      <c r="H28" s="54" t="s">
        <v>57</v>
      </c>
      <c r="I28" s="40"/>
      <c r="J28" s="67"/>
      <c r="K28" s="70" t="s">
        <v>84</v>
      </c>
      <c r="L28" s="61">
        <v>1.8</v>
      </c>
      <c r="M28" s="62" t="s">
        <v>62</v>
      </c>
      <c r="N28" s="74">
        <v>5000</v>
      </c>
      <c r="O28" s="110">
        <v>4000</v>
      </c>
      <c r="P28" s="64">
        <v>19</v>
      </c>
      <c r="Q28" s="46">
        <v>5955118</v>
      </c>
      <c r="R28" s="47">
        <v>0</v>
      </c>
      <c r="S28" s="32">
        <v>23</v>
      </c>
      <c r="T28" s="33" t="s">
        <v>91</v>
      </c>
      <c r="U28" s="68">
        <v>107190</v>
      </c>
      <c r="V28" s="49">
        <v>65.25</v>
      </c>
      <c r="W28" s="48">
        <v>0</v>
      </c>
      <c r="X28" s="49">
        <v>0</v>
      </c>
      <c r="Y28" s="48">
        <v>39025</v>
      </c>
      <c r="Z28" s="50">
        <v>23.76</v>
      </c>
      <c r="AA28" s="51">
        <v>18062</v>
      </c>
      <c r="AB28" s="52">
        <v>10.99</v>
      </c>
      <c r="AC28" s="46">
        <v>164277</v>
      </c>
      <c r="AD28" s="48">
        <v>11718</v>
      </c>
      <c r="AE28" s="48">
        <v>0</v>
      </c>
      <c r="AF28" s="48">
        <v>0</v>
      </c>
      <c r="AG28" s="48">
        <v>9656</v>
      </c>
      <c r="AH28" s="225">
        <v>-5710</v>
      </c>
      <c r="AI28" s="47">
        <v>137193</v>
      </c>
    </row>
    <row r="29" spans="1:35" s="53" customFormat="1" ht="13.5" customHeight="1" x14ac:dyDescent="0.15">
      <c r="A29" s="32">
        <v>24</v>
      </c>
      <c r="B29" s="33" t="s">
        <v>92</v>
      </c>
      <c r="C29" s="65"/>
      <c r="D29" s="54" t="s">
        <v>57</v>
      </c>
      <c r="E29" s="69" t="s">
        <v>81</v>
      </c>
      <c r="F29" s="71">
        <v>6</v>
      </c>
      <c r="G29" s="72" t="s">
        <v>93</v>
      </c>
      <c r="H29" s="54" t="s">
        <v>57</v>
      </c>
      <c r="I29" s="66"/>
      <c r="J29" s="67"/>
      <c r="K29" s="70" t="s">
        <v>57</v>
      </c>
      <c r="L29" s="73">
        <v>1.2</v>
      </c>
      <c r="M29" s="75">
        <v>3.5</v>
      </c>
      <c r="N29" s="74">
        <v>6000</v>
      </c>
      <c r="O29" s="74">
        <v>6000</v>
      </c>
      <c r="P29" s="64">
        <v>19</v>
      </c>
      <c r="Q29" s="46">
        <v>2173010</v>
      </c>
      <c r="R29" s="47">
        <v>125870</v>
      </c>
      <c r="S29" s="32">
        <v>24</v>
      </c>
      <c r="T29" s="33" t="s">
        <v>92</v>
      </c>
      <c r="U29" s="68">
        <v>26075</v>
      </c>
      <c r="V29" s="49">
        <v>44.8</v>
      </c>
      <c r="W29" s="48">
        <v>4405</v>
      </c>
      <c r="X29" s="49">
        <v>7.57</v>
      </c>
      <c r="Y29" s="48">
        <v>17940</v>
      </c>
      <c r="Z29" s="50">
        <v>30.82</v>
      </c>
      <c r="AA29" s="51">
        <v>9782</v>
      </c>
      <c r="AB29" s="52">
        <v>16.809999999999999</v>
      </c>
      <c r="AC29" s="46">
        <v>58202</v>
      </c>
      <c r="AD29" s="48">
        <v>4931</v>
      </c>
      <c r="AE29" s="48">
        <v>0</v>
      </c>
      <c r="AF29" s="48">
        <v>75</v>
      </c>
      <c r="AG29" s="48">
        <v>767</v>
      </c>
      <c r="AH29" s="225">
        <v>-3049</v>
      </c>
      <c r="AI29" s="47">
        <v>49380</v>
      </c>
    </row>
    <row r="30" spans="1:35" s="53" customFormat="1" ht="13.5" customHeight="1" x14ac:dyDescent="0.15">
      <c r="A30" s="32">
        <v>25</v>
      </c>
      <c r="B30" s="33" t="s">
        <v>94</v>
      </c>
      <c r="C30" s="65"/>
      <c r="D30" s="54" t="s">
        <v>57</v>
      </c>
      <c r="E30" s="56" t="s">
        <v>81</v>
      </c>
      <c r="F30" s="57">
        <v>10</v>
      </c>
      <c r="G30" s="58" t="s">
        <v>95</v>
      </c>
      <c r="H30" s="54" t="s">
        <v>57</v>
      </c>
      <c r="I30" s="66"/>
      <c r="J30" s="67"/>
      <c r="K30" s="70" t="s">
        <v>57</v>
      </c>
      <c r="L30" s="61">
        <v>1.67</v>
      </c>
      <c r="M30" s="75">
        <v>4.5599999999999996</v>
      </c>
      <c r="N30" s="74">
        <v>6500</v>
      </c>
      <c r="O30" s="74">
        <v>6800</v>
      </c>
      <c r="P30" s="64">
        <v>19</v>
      </c>
      <c r="Q30" s="46">
        <v>3542831</v>
      </c>
      <c r="R30" s="47">
        <v>201905</v>
      </c>
      <c r="S30" s="32">
        <v>25</v>
      </c>
      <c r="T30" s="33" t="s">
        <v>94</v>
      </c>
      <c r="U30" s="68">
        <v>59164</v>
      </c>
      <c r="V30" s="49">
        <v>49.179999999999993</v>
      </c>
      <c r="W30" s="48">
        <v>9206</v>
      </c>
      <c r="X30" s="49">
        <v>7.65</v>
      </c>
      <c r="Y30" s="48">
        <v>32455</v>
      </c>
      <c r="Z30" s="50">
        <v>26.98</v>
      </c>
      <c r="AA30" s="51">
        <v>19482</v>
      </c>
      <c r="AB30" s="52">
        <v>16.190000000000001</v>
      </c>
      <c r="AC30" s="46">
        <v>120307</v>
      </c>
      <c r="AD30" s="48">
        <v>10975</v>
      </c>
      <c r="AE30" s="48">
        <v>0</v>
      </c>
      <c r="AF30" s="48">
        <v>172</v>
      </c>
      <c r="AG30" s="48">
        <v>3193</v>
      </c>
      <c r="AH30" s="225">
        <v>-13231</v>
      </c>
      <c r="AI30" s="47">
        <v>92736</v>
      </c>
    </row>
    <row r="31" spans="1:35" s="53" customFormat="1" ht="13.5" customHeight="1" x14ac:dyDescent="0.15">
      <c r="A31" s="32">
        <v>26</v>
      </c>
      <c r="B31" s="33" t="s">
        <v>96</v>
      </c>
      <c r="C31" s="65"/>
      <c r="D31" s="54" t="s">
        <v>57</v>
      </c>
      <c r="E31" s="69" t="s">
        <v>81</v>
      </c>
      <c r="F31" s="71" t="s">
        <v>59</v>
      </c>
      <c r="G31" s="72" t="s">
        <v>97</v>
      </c>
      <c r="H31" s="54" t="s">
        <v>57</v>
      </c>
      <c r="I31" s="66"/>
      <c r="J31" s="67"/>
      <c r="K31" s="70" t="s">
        <v>57</v>
      </c>
      <c r="L31" s="73">
        <v>1.4</v>
      </c>
      <c r="M31" s="75">
        <v>3</v>
      </c>
      <c r="N31" s="74">
        <v>5500</v>
      </c>
      <c r="O31" s="74">
        <v>5500</v>
      </c>
      <c r="P31" s="64">
        <v>19</v>
      </c>
      <c r="Q31" s="46">
        <v>2234792</v>
      </c>
      <c r="R31" s="47">
        <v>117870</v>
      </c>
      <c r="S31" s="32">
        <v>26</v>
      </c>
      <c r="T31" s="33" t="s">
        <v>96</v>
      </c>
      <c r="U31" s="68">
        <v>31286</v>
      </c>
      <c r="V31" s="49">
        <v>50.58</v>
      </c>
      <c r="W31" s="48">
        <v>3535</v>
      </c>
      <c r="X31" s="49">
        <v>5.71</v>
      </c>
      <c r="Y31" s="48">
        <v>17039</v>
      </c>
      <c r="Z31" s="50">
        <v>27.54</v>
      </c>
      <c r="AA31" s="51">
        <v>10005</v>
      </c>
      <c r="AB31" s="52">
        <v>16.170000000000002</v>
      </c>
      <c r="AC31" s="46">
        <v>61865</v>
      </c>
      <c r="AD31" s="48">
        <v>6382</v>
      </c>
      <c r="AE31" s="48">
        <v>0</v>
      </c>
      <c r="AF31" s="48">
        <v>27</v>
      </c>
      <c r="AG31" s="48">
        <v>3245</v>
      </c>
      <c r="AH31" s="225">
        <v>-2067</v>
      </c>
      <c r="AI31" s="47">
        <v>50144</v>
      </c>
    </row>
    <row r="32" spans="1:35" s="53" customFormat="1" ht="13.5" customHeight="1" x14ac:dyDescent="0.15">
      <c r="A32" s="32">
        <v>27</v>
      </c>
      <c r="B32" s="33" t="s">
        <v>98</v>
      </c>
      <c r="C32" s="65"/>
      <c r="D32" s="54" t="s">
        <v>57</v>
      </c>
      <c r="E32" s="69" t="s">
        <v>81</v>
      </c>
      <c r="F32" s="71">
        <v>8</v>
      </c>
      <c r="G32" s="111" t="s">
        <v>99</v>
      </c>
      <c r="H32" s="54" t="s">
        <v>57</v>
      </c>
      <c r="I32" s="66"/>
      <c r="J32" s="67"/>
      <c r="K32" s="70" t="s">
        <v>57</v>
      </c>
      <c r="L32" s="73">
        <v>1.2</v>
      </c>
      <c r="M32" s="75">
        <v>4.5999999999999996</v>
      </c>
      <c r="N32" s="74">
        <v>8200</v>
      </c>
      <c r="O32" s="74">
        <v>6000</v>
      </c>
      <c r="P32" s="64">
        <v>19</v>
      </c>
      <c r="Q32" s="46">
        <v>2202723</v>
      </c>
      <c r="R32" s="47">
        <v>105114</v>
      </c>
      <c r="S32" s="32">
        <v>27</v>
      </c>
      <c r="T32" s="33" t="s">
        <v>98</v>
      </c>
      <c r="U32" s="68">
        <v>26432</v>
      </c>
      <c r="V32" s="49">
        <v>38.58</v>
      </c>
      <c r="W32" s="48">
        <v>4835</v>
      </c>
      <c r="X32" s="49">
        <v>7.06</v>
      </c>
      <c r="Y32" s="48">
        <v>26199</v>
      </c>
      <c r="Z32" s="50">
        <v>38.24</v>
      </c>
      <c r="AA32" s="51">
        <v>11040</v>
      </c>
      <c r="AB32" s="52">
        <v>16.12</v>
      </c>
      <c r="AC32" s="46">
        <v>68506</v>
      </c>
      <c r="AD32" s="48">
        <v>7532</v>
      </c>
      <c r="AE32" s="48">
        <v>0</v>
      </c>
      <c r="AF32" s="48">
        <v>40</v>
      </c>
      <c r="AG32" s="48">
        <v>398</v>
      </c>
      <c r="AH32" s="225">
        <v>-2235</v>
      </c>
      <c r="AI32" s="47">
        <v>58301</v>
      </c>
    </row>
    <row r="33" spans="1:35" s="53" customFormat="1" ht="13.5" customHeight="1" x14ac:dyDescent="0.15">
      <c r="A33" s="32">
        <v>28</v>
      </c>
      <c r="B33" s="33" t="s">
        <v>100</v>
      </c>
      <c r="C33" s="65"/>
      <c r="D33" s="54" t="s">
        <v>57</v>
      </c>
      <c r="E33" s="69" t="s">
        <v>81</v>
      </c>
      <c r="F33" s="71">
        <v>10</v>
      </c>
      <c r="G33" s="58" t="s">
        <v>60</v>
      </c>
      <c r="H33" s="54" t="s">
        <v>57</v>
      </c>
      <c r="I33" s="66"/>
      <c r="J33" s="67"/>
      <c r="K33" s="70" t="s">
        <v>57</v>
      </c>
      <c r="L33" s="73">
        <v>1.5</v>
      </c>
      <c r="M33" s="75">
        <v>5.7</v>
      </c>
      <c r="N33" s="74">
        <v>6000</v>
      </c>
      <c r="O33" s="74">
        <v>6200</v>
      </c>
      <c r="P33" s="64">
        <v>19</v>
      </c>
      <c r="Q33" s="46">
        <v>3001337</v>
      </c>
      <c r="R33" s="47">
        <v>185488</v>
      </c>
      <c r="S33" s="32">
        <v>28</v>
      </c>
      <c r="T33" s="33" t="s">
        <v>100</v>
      </c>
      <c r="U33" s="68">
        <v>45019</v>
      </c>
      <c r="V33" s="49">
        <v>48.77</v>
      </c>
      <c r="W33" s="48">
        <v>10572</v>
      </c>
      <c r="X33" s="49">
        <v>11.45</v>
      </c>
      <c r="Y33" s="48">
        <v>23274</v>
      </c>
      <c r="Z33" s="50">
        <v>25.21</v>
      </c>
      <c r="AA33" s="51">
        <v>13449</v>
      </c>
      <c r="AB33" s="52">
        <v>14.57</v>
      </c>
      <c r="AC33" s="46">
        <v>92314</v>
      </c>
      <c r="AD33" s="48">
        <v>7437</v>
      </c>
      <c r="AE33" s="48">
        <v>0</v>
      </c>
      <c r="AF33" s="48">
        <v>149</v>
      </c>
      <c r="AG33" s="48">
        <v>6958</v>
      </c>
      <c r="AH33" s="225">
        <v>-4034</v>
      </c>
      <c r="AI33" s="47">
        <v>73736</v>
      </c>
    </row>
    <row r="34" spans="1:35" s="53" customFormat="1" ht="13.5" customHeight="1" x14ac:dyDescent="0.15">
      <c r="A34" s="32">
        <v>29</v>
      </c>
      <c r="B34" s="33" t="s">
        <v>101</v>
      </c>
      <c r="C34" s="54" t="s">
        <v>57</v>
      </c>
      <c r="D34" s="65"/>
      <c r="E34" s="56">
        <v>3</v>
      </c>
      <c r="F34" s="57">
        <v>10</v>
      </c>
      <c r="G34" s="58" t="s">
        <v>60</v>
      </c>
      <c r="H34" s="54" t="s">
        <v>57</v>
      </c>
      <c r="I34" s="66"/>
      <c r="J34" s="67"/>
      <c r="K34" s="70" t="s">
        <v>134</v>
      </c>
      <c r="L34" s="61">
        <v>2.02</v>
      </c>
      <c r="M34" s="62" t="s">
        <v>62</v>
      </c>
      <c r="N34" s="63">
        <v>6480</v>
      </c>
      <c r="O34" s="63">
        <v>7700</v>
      </c>
      <c r="P34" s="64">
        <v>19</v>
      </c>
      <c r="Q34" s="46">
        <v>2692507</v>
      </c>
      <c r="R34" s="47">
        <v>0</v>
      </c>
      <c r="S34" s="32">
        <v>29</v>
      </c>
      <c r="T34" s="33" t="s">
        <v>101</v>
      </c>
      <c r="U34" s="68">
        <v>54388</v>
      </c>
      <c r="V34" s="49">
        <v>57.980000000000004</v>
      </c>
      <c r="W34" s="48">
        <v>0</v>
      </c>
      <c r="X34" s="49">
        <v>0</v>
      </c>
      <c r="Y34" s="48">
        <v>22123</v>
      </c>
      <c r="Z34" s="50">
        <v>23.59</v>
      </c>
      <c r="AA34" s="51">
        <v>17288</v>
      </c>
      <c r="AB34" s="52">
        <v>18.43</v>
      </c>
      <c r="AC34" s="46">
        <v>93799</v>
      </c>
      <c r="AD34" s="48">
        <v>10328</v>
      </c>
      <c r="AE34" s="48">
        <v>22</v>
      </c>
      <c r="AF34" s="48">
        <v>257</v>
      </c>
      <c r="AG34" s="48">
        <v>8535</v>
      </c>
      <c r="AH34" s="225">
        <v>2983</v>
      </c>
      <c r="AI34" s="47">
        <v>77640</v>
      </c>
    </row>
    <row r="35" spans="1:35" s="53" customFormat="1" ht="13.5" customHeight="1" x14ac:dyDescent="0.15">
      <c r="A35" s="32">
        <v>30</v>
      </c>
      <c r="B35" s="33" t="s">
        <v>102</v>
      </c>
      <c r="C35" s="65"/>
      <c r="D35" s="54" t="s">
        <v>57</v>
      </c>
      <c r="E35" s="56" t="s">
        <v>81</v>
      </c>
      <c r="F35" s="57">
        <v>12</v>
      </c>
      <c r="G35" s="58" t="s">
        <v>82</v>
      </c>
      <c r="H35" s="54" t="s">
        <v>57</v>
      </c>
      <c r="I35" s="66"/>
      <c r="J35" s="67"/>
      <c r="K35" s="70" t="s">
        <v>57</v>
      </c>
      <c r="L35" s="61">
        <v>1.6</v>
      </c>
      <c r="M35" s="112">
        <v>8.77</v>
      </c>
      <c r="N35" s="63">
        <v>8570</v>
      </c>
      <c r="O35" s="63">
        <v>8160</v>
      </c>
      <c r="P35" s="64">
        <v>19</v>
      </c>
      <c r="Q35" s="46">
        <v>1885474</v>
      </c>
      <c r="R35" s="47">
        <v>65460</v>
      </c>
      <c r="S35" s="32">
        <v>30</v>
      </c>
      <c r="T35" s="33" t="s">
        <v>102</v>
      </c>
      <c r="U35" s="68">
        <v>30167</v>
      </c>
      <c r="V35" s="49">
        <v>43.400000000000006</v>
      </c>
      <c r="W35" s="48">
        <v>5741</v>
      </c>
      <c r="X35" s="49">
        <v>8.26</v>
      </c>
      <c r="Y35" s="48">
        <v>21528</v>
      </c>
      <c r="Z35" s="50">
        <v>30.97</v>
      </c>
      <c r="AA35" s="51">
        <v>12078</v>
      </c>
      <c r="AB35" s="52">
        <v>17.37</v>
      </c>
      <c r="AC35" s="46">
        <v>69514</v>
      </c>
      <c r="AD35" s="48">
        <v>8129</v>
      </c>
      <c r="AE35" s="48">
        <v>0</v>
      </c>
      <c r="AF35" s="48">
        <v>19</v>
      </c>
      <c r="AG35" s="48">
        <v>64</v>
      </c>
      <c r="AH35" s="225">
        <v>-3316</v>
      </c>
      <c r="AI35" s="47">
        <v>57986</v>
      </c>
    </row>
    <row r="36" spans="1:35" s="53" customFormat="1" ht="13.5" customHeight="1" x14ac:dyDescent="0.15">
      <c r="A36" s="32">
        <v>31</v>
      </c>
      <c r="B36" s="33" t="s">
        <v>103</v>
      </c>
      <c r="C36" s="54" t="s">
        <v>57</v>
      </c>
      <c r="D36" s="65"/>
      <c r="E36" s="56" t="s">
        <v>81</v>
      </c>
      <c r="F36" s="57">
        <v>10</v>
      </c>
      <c r="G36" s="58" t="s">
        <v>60</v>
      </c>
      <c r="H36" s="54" t="s">
        <v>57</v>
      </c>
      <c r="I36" s="66"/>
      <c r="J36" s="67"/>
      <c r="K36" s="70" t="s">
        <v>57</v>
      </c>
      <c r="L36" s="61">
        <v>2.2999999999999998</v>
      </c>
      <c r="M36" s="112">
        <v>14.27</v>
      </c>
      <c r="N36" s="63">
        <v>13500</v>
      </c>
      <c r="O36" s="63">
        <v>9700</v>
      </c>
      <c r="P36" s="64">
        <v>19</v>
      </c>
      <c r="Q36" s="46">
        <v>5796453</v>
      </c>
      <c r="R36" s="47">
        <v>231976</v>
      </c>
      <c r="S36" s="32">
        <v>31</v>
      </c>
      <c r="T36" s="33" t="s">
        <v>103</v>
      </c>
      <c r="U36" s="68">
        <v>130519</v>
      </c>
      <c r="V36" s="49">
        <v>39.56</v>
      </c>
      <c r="W36" s="48">
        <v>33101</v>
      </c>
      <c r="X36" s="49">
        <v>10.029999999999999</v>
      </c>
      <c r="Y36" s="48">
        <v>116303</v>
      </c>
      <c r="Z36" s="50">
        <v>35.25</v>
      </c>
      <c r="AA36" s="51">
        <v>50021</v>
      </c>
      <c r="AB36" s="52">
        <v>15.16</v>
      </c>
      <c r="AC36" s="46">
        <v>329944</v>
      </c>
      <c r="AD36" s="48">
        <v>36234</v>
      </c>
      <c r="AE36" s="48">
        <v>0</v>
      </c>
      <c r="AF36" s="48">
        <v>431</v>
      </c>
      <c r="AG36" s="48">
        <v>20589</v>
      </c>
      <c r="AH36" s="225">
        <v>-10361</v>
      </c>
      <c r="AI36" s="47">
        <v>262329</v>
      </c>
    </row>
    <row r="37" spans="1:35" s="53" customFormat="1" ht="13.5" customHeight="1" x14ac:dyDescent="0.15">
      <c r="A37" s="32">
        <v>32</v>
      </c>
      <c r="B37" s="33" t="s">
        <v>104</v>
      </c>
      <c r="C37" s="65"/>
      <c r="D37" s="54" t="s">
        <v>57</v>
      </c>
      <c r="E37" s="69">
        <v>3</v>
      </c>
      <c r="F37" s="57" t="s">
        <v>59</v>
      </c>
      <c r="G37" s="58" t="s">
        <v>60</v>
      </c>
      <c r="H37" s="54" t="s">
        <v>57</v>
      </c>
      <c r="I37" s="66"/>
      <c r="J37" s="67"/>
      <c r="K37" s="70" t="s">
        <v>135</v>
      </c>
      <c r="L37" s="61">
        <v>1.5</v>
      </c>
      <c r="M37" s="62" t="s">
        <v>62</v>
      </c>
      <c r="N37" s="63">
        <v>7200</v>
      </c>
      <c r="O37" s="63">
        <v>8600</v>
      </c>
      <c r="P37" s="64">
        <v>19</v>
      </c>
      <c r="Q37" s="46">
        <v>10680886</v>
      </c>
      <c r="R37" s="47">
        <v>0</v>
      </c>
      <c r="S37" s="32">
        <v>32</v>
      </c>
      <c r="T37" s="33" t="s">
        <v>104</v>
      </c>
      <c r="U37" s="68">
        <v>160211</v>
      </c>
      <c r="V37" s="49">
        <v>48.16</v>
      </c>
      <c r="W37" s="48">
        <v>0</v>
      </c>
      <c r="X37" s="49">
        <v>0</v>
      </c>
      <c r="Y37" s="48">
        <v>102434</v>
      </c>
      <c r="Z37" s="50">
        <v>30.79</v>
      </c>
      <c r="AA37" s="51">
        <v>70043</v>
      </c>
      <c r="AB37" s="52">
        <v>21.05</v>
      </c>
      <c r="AC37" s="46">
        <v>332688</v>
      </c>
      <c r="AD37" s="48">
        <v>37337</v>
      </c>
      <c r="AE37" s="48">
        <v>0</v>
      </c>
      <c r="AF37" s="48">
        <v>66</v>
      </c>
      <c r="AG37" s="48">
        <v>15271</v>
      </c>
      <c r="AH37" s="225">
        <v>-31579</v>
      </c>
      <c r="AI37" s="47">
        <v>248435</v>
      </c>
    </row>
    <row r="38" spans="1:35" s="53" customFormat="1" ht="13.5" customHeight="1" thickBot="1" x14ac:dyDescent="0.2">
      <c r="A38" s="76">
        <v>33</v>
      </c>
      <c r="B38" s="113" t="s">
        <v>105</v>
      </c>
      <c r="C38" s="79" t="s">
        <v>57</v>
      </c>
      <c r="D38" s="78"/>
      <c r="E38" s="114">
        <v>3</v>
      </c>
      <c r="F38" s="115" t="s">
        <v>59</v>
      </c>
      <c r="G38" s="72" t="s">
        <v>60</v>
      </c>
      <c r="H38" s="79" t="s">
        <v>57</v>
      </c>
      <c r="I38" s="83"/>
      <c r="J38" s="84"/>
      <c r="K38" s="116" t="s">
        <v>135</v>
      </c>
      <c r="L38" s="117">
        <v>1.59</v>
      </c>
      <c r="M38" s="87" t="s">
        <v>62</v>
      </c>
      <c r="N38" s="88">
        <v>7440</v>
      </c>
      <c r="O38" s="88">
        <v>3990</v>
      </c>
      <c r="P38" s="118">
        <v>19</v>
      </c>
      <c r="Q38" s="46">
        <v>749969</v>
      </c>
      <c r="R38" s="47">
        <v>0</v>
      </c>
      <c r="S38" s="76">
        <v>33</v>
      </c>
      <c r="T38" s="113" t="s">
        <v>105</v>
      </c>
      <c r="U38" s="92">
        <v>11924</v>
      </c>
      <c r="V38" s="93">
        <v>54.7</v>
      </c>
      <c r="W38" s="94">
        <v>0</v>
      </c>
      <c r="X38" s="93">
        <v>0</v>
      </c>
      <c r="Y38" s="94">
        <v>7530</v>
      </c>
      <c r="Z38" s="95">
        <v>34.54</v>
      </c>
      <c r="AA38" s="96">
        <v>2345</v>
      </c>
      <c r="AB38" s="97">
        <v>10.76</v>
      </c>
      <c r="AC38" s="99">
        <v>21799</v>
      </c>
      <c r="AD38" s="94">
        <v>2063</v>
      </c>
      <c r="AE38" s="94">
        <v>0</v>
      </c>
      <c r="AF38" s="94">
        <v>0</v>
      </c>
      <c r="AG38" s="94">
        <v>294</v>
      </c>
      <c r="AH38" s="227">
        <v>-1281</v>
      </c>
      <c r="AI38" s="101">
        <v>18161</v>
      </c>
    </row>
    <row r="39" spans="1:35" s="53" customFormat="1" ht="13.5" customHeight="1" thickTop="1" x14ac:dyDescent="0.15">
      <c r="A39" s="32">
        <v>301</v>
      </c>
      <c r="B39" s="33" t="s">
        <v>106</v>
      </c>
      <c r="C39" s="120" t="s">
        <v>107</v>
      </c>
      <c r="D39" s="121"/>
      <c r="E39" s="122"/>
      <c r="F39" s="123" t="s">
        <v>108</v>
      </c>
      <c r="G39" s="124"/>
      <c r="H39" s="125"/>
      <c r="I39" s="125"/>
      <c r="J39" s="126"/>
      <c r="K39" s="127"/>
      <c r="L39" s="128" t="s">
        <v>109</v>
      </c>
      <c r="M39" s="129"/>
      <c r="N39" s="130"/>
      <c r="O39" s="130"/>
      <c r="P39" s="131"/>
      <c r="Q39" s="130"/>
      <c r="R39" s="132"/>
      <c r="S39" s="32">
        <v>301</v>
      </c>
      <c r="T39" s="33" t="s">
        <v>106</v>
      </c>
      <c r="U39" s="133"/>
      <c r="V39" s="134"/>
      <c r="W39" s="133"/>
      <c r="X39" s="135"/>
      <c r="Y39" s="136"/>
      <c r="Z39" s="137"/>
      <c r="AA39" s="136"/>
      <c r="AB39" s="138"/>
      <c r="AC39" s="139">
        <v>669238</v>
      </c>
      <c r="AD39" s="140">
        <v>0</v>
      </c>
      <c r="AE39" s="140">
        <v>0</v>
      </c>
      <c r="AF39" s="140">
        <v>0</v>
      </c>
      <c r="AG39" s="140">
        <v>0</v>
      </c>
      <c r="AH39" s="141">
        <v>0</v>
      </c>
      <c r="AI39" s="142">
        <v>669238</v>
      </c>
    </row>
    <row r="40" spans="1:35" s="53" customFormat="1" ht="13.5" customHeight="1" x14ac:dyDescent="0.15">
      <c r="A40" s="32">
        <v>302</v>
      </c>
      <c r="B40" s="33" t="s">
        <v>110</v>
      </c>
      <c r="C40" s="120" t="s">
        <v>111</v>
      </c>
      <c r="D40" s="121"/>
      <c r="E40" s="122"/>
      <c r="F40" s="123" t="s">
        <v>108</v>
      </c>
      <c r="G40" s="143"/>
      <c r="H40" s="144"/>
      <c r="I40" s="144"/>
      <c r="J40" s="145"/>
      <c r="K40" s="146"/>
      <c r="L40" s="147" t="s">
        <v>112</v>
      </c>
      <c r="M40" s="148"/>
      <c r="N40" s="149"/>
      <c r="O40" s="149"/>
      <c r="P40" s="150"/>
      <c r="Q40" s="149"/>
      <c r="R40" s="151"/>
      <c r="S40" s="32">
        <v>302</v>
      </c>
      <c r="T40" s="33" t="s">
        <v>110</v>
      </c>
      <c r="U40" s="136"/>
      <c r="V40" s="134"/>
      <c r="W40" s="133"/>
      <c r="X40" s="135"/>
      <c r="Y40" s="136"/>
      <c r="Z40" s="137"/>
      <c r="AA40" s="136"/>
      <c r="AB40" s="138"/>
      <c r="AC40" s="152">
        <v>689154</v>
      </c>
      <c r="AD40" s="140">
        <v>0</v>
      </c>
      <c r="AE40" s="140">
        <v>0</v>
      </c>
      <c r="AF40" s="140">
        <v>0</v>
      </c>
      <c r="AG40" s="140">
        <v>0</v>
      </c>
      <c r="AH40" s="141">
        <v>0</v>
      </c>
      <c r="AI40" s="153">
        <v>689154</v>
      </c>
    </row>
    <row r="41" spans="1:35" s="53" customFormat="1" ht="13.5" customHeight="1" x14ac:dyDescent="0.15">
      <c r="A41" s="32">
        <v>303</v>
      </c>
      <c r="B41" s="33" t="s">
        <v>113</v>
      </c>
      <c r="C41" s="120" t="s">
        <v>114</v>
      </c>
      <c r="D41" s="121"/>
      <c r="E41" s="122"/>
      <c r="F41" s="123" t="s">
        <v>108</v>
      </c>
      <c r="G41" s="143"/>
      <c r="H41" s="144"/>
      <c r="I41" s="144"/>
      <c r="J41" s="145"/>
      <c r="K41" s="146"/>
      <c r="L41" s="147" t="s">
        <v>115</v>
      </c>
      <c r="M41" s="148"/>
      <c r="N41" s="149"/>
      <c r="O41" s="149"/>
      <c r="P41" s="150"/>
      <c r="Q41" s="149"/>
      <c r="R41" s="151"/>
      <c r="S41" s="32">
        <v>303</v>
      </c>
      <c r="T41" s="33" t="s">
        <v>113</v>
      </c>
      <c r="U41" s="136"/>
      <c r="V41" s="134"/>
      <c r="W41" s="133"/>
      <c r="X41" s="135"/>
      <c r="Y41" s="136"/>
      <c r="Z41" s="137"/>
      <c r="AA41" s="136"/>
      <c r="AB41" s="138"/>
      <c r="AC41" s="152">
        <v>608127</v>
      </c>
      <c r="AD41" s="140">
        <v>0</v>
      </c>
      <c r="AE41" s="140">
        <v>0</v>
      </c>
      <c r="AF41" s="140">
        <v>0</v>
      </c>
      <c r="AG41" s="140">
        <v>0</v>
      </c>
      <c r="AH41" s="141">
        <v>0</v>
      </c>
      <c r="AI41" s="153">
        <v>608127</v>
      </c>
    </row>
    <row r="42" spans="1:35" s="53" customFormat="1" ht="13.5" customHeight="1" x14ac:dyDescent="0.15">
      <c r="A42" s="32">
        <v>304</v>
      </c>
      <c r="B42" s="33" t="s">
        <v>116</v>
      </c>
      <c r="C42" s="120" t="s">
        <v>114</v>
      </c>
      <c r="D42" s="121"/>
      <c r="E42" s="122"/>
      <c r="F42" s="123" t="s">
        <v>108</v>
      </c>
      <c r="G42" s="143"/>
      <c r="H42" s="144"/>
      <c r="I42" s="144"/>
      <c r="J42" s="145"/>
      <c r="K42" s="146"/>
      <c r="L42" s="147" t="s">
        <v>117</v>
      </c>
      <c r="M42" s="148"/>
      <c r="N42" s="149"/>
      <c r="O42" s="149"/>
      <c r="P42" s="150"/>
      <c r="Q42" s="149"/>
      <c r="R42" s="151"/>
      <c r="S42" s="32">
        <v>304</v>
      </c>
      <c r="T42" s="33" t="s">
        <v>116</v>
      </c>
      <c r="U42" s="136"/>
      <c r="V42" s="134"/>
      <c r="W42" s="133"/>
      <c r="X42" s="135"/>
      <c r="Y42" s="136"/>
      <c r="Z42" s="137"/>
      <c r="AA42" s="136"/>
      <c r="AB42" s="138"/>
      <c r="AC42" s="152">
        <v>227126</v>
      </c>
      <c r="AD42" s="140">
        <v>0</v>
      </c>
      <c r="AE42" s="140">
        <v>0</v>
      </c>
      <c r="AF42" s="140">
        <v>0</v>
      </c>
      <c r="AG42" s="140">
        <v>0</v>
      </c>
      <c r="AH42" s="141">
        <v>0</v>
      </c>
      <c r="AI42" s="153">
        <v>227126</v>
      </c>
    </row>
    <row r="43" spans="1:35" s="53" customFormat="1" ht="13.5" customHeight="1" x14ac:dyDescent="0.15">
      <c r="A43" s="32">
        <v>305</v>
      </c>
      <c r="B43" s="33" t="s">
        <v>118</v>
      </c>
      <c r="C43" s="120" t="s">
        <v>114</v>
      </c>
      <c r="D43" s="121"/>
      <c r="E43" s="122"/>
      <c r="F43" s="123" t="s">
        <v>108</v>
      </c>
      <c r="G43" s="143"/>
      <c r="H43" s="144"/>
      <c r="I43" s="144"/>
      <c r="J43" s="145"/>
      <c r="K43" s="146"/>
      <c r="L43" s="147" t="s">
        <v>119</v>
      </c>
      <c r="M43" s="148"/>
      <c r="N43" s="149"/>
      <c r="O43" s="149"/>
      <c r="P43" s="150"/>
      <c r="Q43" s="149"/>
      <c r="R43" s="151"/>
      <c r="S43" s="32">
        <v>305</v>
      </c>
      <c r="T43" s="33" t="s">
        <v>118</v>
      </c>
      <c r="U43" s="136"/>
      <c r="V43" s="134"/>
      <c r="W43" s="133"/>
      <c r="X43" s="135"/>
      <c r="Y43" s="136"/>
      <c r="Z43" s="137"/>
      <c r="AA43" s="136"/>
      <c r="AB43" s="138"/>
      <c r="AC43" s="152">
        <v>348385</v>
      </c>
      <c r="AD43" s="140">
        <v>0</v>
      </c>
      <c r="AE43" s="140">
        <v>0</v>
      </c>
      <c r="AF43" s="140">
        <v>0</v>
      </c>
      <c r="AG43" s="140">
        <v>0</v>
      </c>
      <c r="AH43" s="141">
        <v>0</v>
      </c>
      <c r="AI43" s="153">
        <v>348385</v>
      </c>
    </row>
    <row r="44" spans="1:35" s="53" customFormat="1" ht="13.5" customHeight="1" thickBot="1" x14ac:dyDescent="0.2">
      <c r="A44" s="76">
        <v>306</v>
      </c>
      <c r="B44" s="113" t="s">
        <v>120</v>
      </c>
      <c r="C44" s="154" t="s">
        <v>111</v>
      </c>
      <c r="D44" s="155"/>
      <c r="E44" s="156"/>
      <c r="F44" s="157" t="s">
        <v>108</v>
      </c>
      <c r="G44" s="158"/>
      <c r="H44" s="84"/>
      <c r="I44" s="84"/>
      <c r="J44" s="159"/>
      <c r="K44" s="160"/>
      <c r="L44" s="161" t="s">
        <v>121</v>
      </c>
      <c r="M44" s="162"/>
      <c r="N44" s="99"/>
      <c r="O44" s="99"/>
      <c r="P44" s="98"/>
      <c r="Q44" s="99"/>
      <c r="R44" s="163"/>
      <c r="S44" s="76">
        <v>306</v>
      </c>
      <c r="T44" s="113" t="s">
        <v>120</v>
      </c>
      <c r="U44" s="99"/>
      <c r="V44" s="164"/>
      <c r="W44" s="99"/>
      <c r="X44" s="165"/>
      <c r="Y44" s="96"/>
      <c r="Z44" s="166"/>
      <c r="AA44" s="96"/>
      <c r="AB44" s="167"/>
      <c r="AC44" s="168">
        <v>2460259</v>
      </c>
      <c r="AD44" s="169">
        <v>0</v>
      </c>
      <c r="AE44" s="169">
        <v>0</v>
      </c>
      <c r="AF44" s="169">
        <v>0</v>
      </c>
      <c r="AG44" s="169">
        <v>0</v>
      </c>
      <c r="AH44" s="119">
        <v>0</v>
      </c>
      <c r="AI44" s="101">
        <v>2460259</v>
      </c>
    </row>
    <row r="45" spans="1:35" ht="13.5" customHeight="1" thickTop="1" x14ac:dyDescent="0.15">
      <c r="A45" s="267" t="s">
        <v>122</v>
      </c>
      <c r="B45" s="268"/>
      <c r="C45" s="173">
        <v>9</v>
      </c>
      <c r="D45" s="174">
        <v>10</v>
      </c>
      <c r="E45" s="175"/>
      <c r="F45" s="176"/>
      <c r="G45" s="177"/>
      <c r="H45" s="178">
        <v>19</v>
      </c>
      <c r="I45" s="179">
        <v>0</v>
      </c>
      <c r="J45" s="178">
        <v>0</v>
      </c>
      <c r="K45" s="180">
        <v>10</v>
      </c>
      <c r="L45" s="181"/>
      <c r="M45" s="182"/>
      <c r="N45" s="182"/>
      <c r="O45" s="182"/>
      <c r="P45" s="182"/>
      <c r="Q45" s="183">
        <v>1838971554</v>
      </c>
      <c r="R45" s="184">
        <v>1110474</v>
      </c>
      <c r="S45" s="267" t="s">
        <v>122</v>
      </c>
      <c r="T45" s="268"/>
      <c r="U45" s="185">
        <v>37401520</v>
      </c>
      <c r="V45" s="186">
        <v>61.89</v>
      </c>
      <c r="W45" s="185">
        <v>24209</v>
      </c>
      <c r="X45" s="186">
        <v>0.04</v>
      </c>
      <c r="Y45" s="183">
        <v>19211785</v>
      </c>
      <c r="Z45" s="187">
        <v>31.79</v>
      </c>
      <c r="AA45" s="183">
        <v>3797135</v>
      </c>
      <c r="AB45" s="188">
        <v>6.28</v>
      </c>
      <c r="AC45" s="185">
        <v>60434649</v>
      </c>
      <c r="AD45" s="183">
        <v>4468656</v>
      </c>
      <c r="AE45" s="183">
        <v>2039</v>
      </c>
      <c r="AF45" s="183">
        <v>407245</v>
      </c>
      <c r="AG45" s="183">
        <v>6366557</v>
      </c>
      <c r="AH45" s="183">
        <v>-2234670</v>
      </c>
      <c r="AI45" s="184">
        <v>46955482</v>
      </c>
    </row>
    <row r="46" spans="1:35" ht="13.5" customHeight="1" x14ac:dyDescent="0.15">
      <c r="A46" s="269" t="s">
        <v>123</v>
      </c>
      <c r="B46" s="270"/>
      <c r="C46" s="173">
        <v>5</v>
      </c>
      <c r="D46" s="189">
        <v>9</v>
      </c>
      <c r="E46" s="190" t="s">
        <v>124</v>
      </c>
      <c r="F46" s="191"/>
      <c r="G46" s="177"/>
      <c r="H46" s="178">
        <v>14</v>
      </c>
      <c r="I46" s="178">
        <v>0</v>
      </c>
      <c r="J46" s="178">
        <v>0</v>
      </c>
      <c r="K46" s="180">
        <v>12</v>
      </c>
      <c r="L46" s="192"/>
      <c r="M46" s="173"/>
      <c r="N46" s="173"/>
      <c r="O46" s="173"/>
      <c r="P46" s="173"/>
      <c r="Q46" s="183">
        <v>68586576</v>
      </c>
      <c r="R46" s="184">
        <v>1033683</v>
      </c>
      <c r="S46" s="269" t="s">
        <v>125</v>
      </c>
      <c r="T46" s="270"/>
      <c r="U46" s="185">
        <v>1410837</v>
      </c>
      <c r="V46" s="186">
        <v>55.11</v>
      </c>
      <c r="W46" s="185">
        <v>71395</v>
      </c>
      <c r="X46" s="186">
        <v>2.79</v>
      </c>
      <c r="Y46" s="183">
        <v>730181</v>
      </c>
      <c r="Z46" s="187">
        <v>28.53</v>
      </c>
      <c r="AA46" s="183">
        <v>347378</v>
      </c>
      <c r="AB46" s="193">
        <v>13.57</v>
      </c>
      <c r="AC46" s="185">
        <v>2559791</v>
      </c>
      <c r="AD46" s="183">
        <v>229312</v>
      </c>
      <c r="AE46" s="183">
        <v>22</v>
      </c>
      <c r="AF46" s="183">
        <v>3818</v>
      </c>
      <c r="AG46" s="183">
        <v>236950</v>
      </c>
      <c r="AH46" s="183">
        <v>-119710</v>
      </c>
      <c r="AI46" s="184">
        <v>1969979</v>
      </c>
    </row>
    <row r="47" spans="1:35" ht="13.5" customHeight="1" x14ac:dyDescent="0.15">
      <c r="A47" s="269" t="s">
        <v>126</v>
      </c>
      <c r="B47" s="270"/>
      <c r="C47" s="173">
        <v>14</v>
      </c>
      <c r="D47" s="174">
        <v>19</v>
      </c>
      <c r="E47" s="190" t="s">
        <v>127</v>
      </c>
      <c r="F47" s="191"/>
      <c r="G47" s="177"/>
      <c r="H47" s="178">
        <v>33</v>
      </c>
      <c r="I47" s="194">
        <v>0</v>
      </c>
      <c r="J47" s="178">
        <v>0</v>
      </c>
      <c r="K47" s="180">
        <v>22</v>
      </c>
      <c r="L47" s="192"/>
      <c r="M47" s="173"/>
      <c r="N47" s="173"/>
      <c r="O47" s="173"/>
      <c r="P47" s="173"/>
      <c r="Q47" s="183">
        <v>1907558130</v>
      </c>
      <c r="R47" s="184">
        <v>2144157</v>
      </c>
      <c r="S47" s="269" t="s">
        <v>128</v>
      </c>
      <c r="T47" s="270"/>
      <c r="U47" s="185">
        <v>38812357</v>
      </c>
      <c r="V47" s="186">
        <v>61.61</v>
      </c>
      <c r="W47" s="185">
        <v>95604</v>
      </c>
      <c r="X47" s="186">
        <v>0.15</v>
      </c>
      <c r="Y47" s="183">
        <v>19941966</v>
      </c>
      <c r="Z47" s="187">
        <v>31.66</v>
      </c>
      <c r="AA47" s="183">
        <v>4144513</v>
      </c>
      <c r="AB47" s="193">
        <v>6.58</v>
      </c>
      <c r="AC47" s="185">
        <v>62994440</v>
      </c>
      <c r="AD47" s="183">
        <v>4697968</v>
      </c>
      <c r="AE47" s="183">
        <v>2061</v>
      </c>
      <c r="AF47" s="183">
        <v>411063</v>
      </c>
      <c r="AG47" s="183">
        <v>6603507</v>
      </c>
      <c r="AH47" s="183">
        <v>-2354380</v>
      </c>
      <c r="AI47" s="184">
        <v>48925461</v>
      </c>
    </row>
    <row r="48" spans="1:35" ht="13.5" customHeight="1" thickBot="1" x14ac:dyDescent="0.2">
      <c r="A48" s="271" t="s">
        <v>129</v>
      </c>
      <c r="B48" s="272"/>
      <c r="C48" s="25">
        <v>6</v>
      </c>
      <c r="D48" s="195">
        <v>0</v>
      </c>
      <c r="E48" s="190" t="s">
        <v>130</v>
      </c>
      <c r="F48" s="196"/>
      <c r="G48" s="197"/>
      <c r="H48" s="198" t="s">
        <v>61</v>
      </c>
      <c r="I48" s="198" t="s">
        <v>61</v>
      </c>
      <c r="J48" s="198" t="s">
        <v>61</v>
      </c>
      <c r="K48" s="199" t="s">
        <v>61</v>
      </c>
      <c r="L48" s="200"/>
      <c r="M48" s="29"/>
      <c r="N48" s="201"/>
      <c r="O48" s="29"/>
      <c r="P48" s="29"/>
      <c r="Q48" s="202" t="s">
        <v>61</v>
      </c>
      <c r="R48" s="203" t="s">
        <v>61</v>
      </c>
      <c r="S48" s="271" t="s">
        <v>129</v>
      </c>
      <c r="T48" s="272"/>
      <c r="U48" s="204" t="s">
        <v>61</v>
      </c>
      <c r="V48" s="205" t="s">
        <v>61</v>
      </c>
      <c r="W48" s="204" t="s">
        <v>61</v>
      </c>
      <c r="X48" s="205" t="s">
        <v>61</v>
      </c>
      <c r="Y48" s="206" t="s">
        <v>61</v>
      </c>
      <c r="Z48" s="207" t="s">
        <v>61</v>
      </c>
      <c r="AA48" s="206" t="s">
        <v>61</v>
      </c>
      <c r="AB48" s="208" t="s">
        <v>61</v>
      </c>
      <c r="AC48" s="202" t="s">
        <v>61</v>
      </c>
      <c r="AD48" s="202" t="s">
        <v>61</v>
      </c>
      <c r="AE48" s="202" t="s">
        <v>61</v>
      </c>
      <c r="AF48" s="202" t="s">
        <v>61</v>
      </c>
      <c r="AG48" s="202" t="s">
        <v>61</v>
      </c>
      <c r="AH48" s="202"/>
      <c r="AI48" s="203" t="s">
        <v>61</v>
      </c>
    </row>
    <row r="49" spans="1:35" ht="13.5" customHeight="1" thickTop="1" thickBot="1" x14ac:dyDescent="0.2">
      <c r="A49" s="273" t="s">
        <v>131</v>
      </c>
      <c r="B49" s="274"/>
      <c r="C49" s="209">
        <v>20</v>
      </c>
      <c r="D49" s="210">
        <v>19</v>
      </c>
      <c r="E49" s="211"/>
      <c r="F49" s="212"/>
      <c r="G49" s="213"/>
      <c r="H49" s="214">
        <v>33</v>
      </c>
      <c r="I49" s="215">
        <v>0</v>
      </c>
      <c r="J49" s="214">
        <v>0</v>
      </c>
      <c r="K49" s="216">
        <v>22</v>
      </c>
      <c r="L49" s="217"/>
      <c r="M49" s="209"/>
      <c r="N49" s="209"/>
      <c r="O49" s="209"/>
      <c r="P49" s="209"/>
      <c r="Q49" s="218">
        <v>1907558130</v>
      </c>
      <c r="R49" s="219">
        <v>2144157</v>
      </c>
      <c r="S49" s="273" t="s">
        <v>132</v>
      </c>
      <c r="T49" s="274"/>
      <c r="U49" s="220">
        <v>38812357</v>
      </c>
      <c r="V49" s="221">
        <v>61.61</v>
      </c>
      <c r="W49" s="220">
        <v>95604</v>
      </c>
      <c r="X49" s="222">
        <v>0.15</v>
      </c>
      <c r="Y49" s="218">
        <v>19941966</v>
      </c>
      <c r="Z49" s="223">
        <v>31.66</v>
      </c>
      <c r="AA49" s="218">
        <v>4144513</v>
      </c>
      <c r="AB49" s="224">
        <v>6.58</v>
      </c>
      <c r="AC49" s="220">
        <v>62994440</v>
      </c>
      <c r="AD49" s="218">
        <v>4697968</v>
      </c>
      <c r="AE49" s="218">
        <v>2061</v>
      </c>
      <c r="AF49" s="218">
        <v>411063</v>
      </c>
      <c r="AG49" s="218">
        <v>6603507</v>
      </c>
      <c r="AH49" s="218">
        <v>-2354380</v>
      </c>
      <c r="AI49" s="219">
        <v>48925461</v>
      </c>
    </row>
    <row r="50" spans="1:35" s="5" customFormat="1" ht="13.5" customHeight="1" x14ac:dyDescent="0.15">
      <c r="D50" s="170"/>
      <c r="E50" s="171"/>
      <c r="F50" s="172"/>
      <c r="G50" s="172"/>
      <c r="H50" s="170"/>
      <c r="L50" s="275" t="s">
        <v>133</v>
      </c>
      <c r="M50" s="275"/>
      <c r="N50" s="275"/>
      <c r="O50" s="275"/>
    </row>
  </sheetData>
  <mergeCells count="33">
    <mergeCell ref="A48:B48"/>
    <mergeCell ref="S48:T48"/>
    <mergeCell ref="A49:B49"/>
    <mergeCell ref="S49:T49"/>
    <mergeCell ref="L50:O50"/>
    <mergeCell ref="A45:B45"/>
    <mergeCell ref="S45:T45"/>
    <mergeCell ref="A46:B46"/>
    <mergeCell ref="S46:T46"/>
    <mergeCell ref="A47:B47"/>
    <mergeCell ref="S47:T47"/>
    <mergeCell ref="AH3:AH4"/>
    <mergeCell ref="C4:C5"/>
    <mergeCell ref="D4:D5"/>
    <mergeCell ref="F4:F5"/>
    <mergeCell ref="G4:G5"/>
    <mergeCell ref="J4:J5"/>
    <mergeCell ref="AI1:AI2"/>
    <mergeCell ref="A3:B5"/>
    <mergeCell ref="C3:D3"/>
    <mergeCell ref="E3:E5"/>
    <mergeCell ref="F3:G3"/>
    <mergeCell ref="H3:J3"/>
    <mergeCell ref="L3:O3"/>
    <mergeCell ref="Q3:R3"/>
    <mergeCell ref="S3:T5"/>
    <mergeCell ref="W4:X4"/>
    <mergeCell ref="Y4:Z4"/>
    <mergeCell ref="AA4:AB4"/>
    <mergeCell ref="U4:V4"/>
    <mergeCell ref="U3:AB3"/>
    <mergeCell ref="AC3:AC4"/>
    <mergeCell ref="AD3:AD4"/>
  </mergeCells>
  <phoneticPr fontId="4"/>
  <pageMargins left="0.7" right="0.7" top="0.75" bottom="0.75" header="0.3" footer="0.3"/>
  <pageSetup paperSize="9" scale="79" orientation="landscape" r:id="rId1"/>
  <headerFooter alignWithMargins="0"/>
  <colBreaks count="1" manualBreakCount="1">
    <brk id="18" max="5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9-2表（後期）</vt:lpstr>
      <vt:lpstr>'第9-2表（後期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58:46Z</cp:lastPrinted>
  <dcterms:created xsi:type="dcterms:W3CDTF">2018-03-07T04:53:01Z</dcterms:created>
  <dcterms:modified xsi:type="dcterms:W3CDTF">2018-03-08T01:58:55Z</dcterms:modified>
</cp:coreProperties>
</file>